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png" ContentType="image/png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worksheets/sheet8.xml" ContentType="application/vnd.openxmlformats-officedocument.spreadsheetml.worksheet+xml"/>
  <Override PartName="/xl/worksheets/sheet9.xml" ContentType="application/vnd.openxmlformats-officedocument.spreadsheetml.worksheet+xml"/>
  <Override PartName="/xl/worksheets/sheet10.xml" ContentType="application/vnd.openxmlformats-officedocument.spreadsheetml.worksheet+xml"/>
  <Override PartName="/xl/worksheets/sheet11.xml" ContentType="application/vnd.openxmlformats-officedocument.spreadsheetml.worksheet+xml"/>
  <Override PartName="/xl/worksheets/sheet12.xml" ContentType="application/vnd.openxmlformats-officedocument.spreadsheetml.worksheet+xml"/>
  <Override PartName="/xl/worksheets/sheet13.xml" ContentType="application/vnd.openxmlformats-officedocument.spreadsheetml.worksheet+xml"/>
  <Override PartName="/xl/worksheets/sheet14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5" rupBuild="29127"/>
  <workbookPr showInkAnnotation="0" autoCompressPictures="0"/>
  <mc:AlternateContent xmlns:mc="http://schemas.openxmlformats.org/markup-compatibility/2006">
    <mc:Choice Requires="x15">
      <x15ac:absPath xmlns:x15ac="http://schemas.microsoft.com/office/spreadsheetml/2010/11/ac" url="\\kfs01\s0203\14_助成G（助成担当）\02 幼稚園\10_幼稚園補助金\11_教育支援体制整備\400_補助員等配置による園務平準化支援\R8年度\01_事業募集\"/>
    </mc:Choice>
  </mc:AlternateContent>
  <xr:revisionPtr revIDLastSave="0" documentId="13_ncr:1_{A393A1E0-A7D1-4EEF-AEE2-27882792B805}" xr6:coauthVersionLast="47" xr6:coauthVersionMax="47" xr10:uidLastSave="{00000000-0000-0000-0000-000000000000}"/>
  <bookViews>
    <workbookView xWindow="28680" yWindow="-120" windowWidth="29040" windowHeight="15720" tabRatio="500" xr2:uid="{00000000-000D-0000-FFFF-FFFF00000000}"/>
  </bookViews>
  <sheets>
    <sheet name="４月" sheetId="36" r:id="rId1"/>
    <sheet name="５月" sheetId="37" r:id="rId2"/>
    <sheet name="６月" sheetId="38" r:id="rId3"/>
    <sheet name="７月" sheetId="39" r:id="rId4"/>
    <sheet name="８月" sheetId="40" r:id="rId5"/>
    <sheet name="９月" sheetId="41" r:id="rId6"/>
    <sheet name="１０月" sheetId="42" r:id="rId7"/>
    <sheet name="１１月" sheetId="43" r:id="rId8"/>
    <sheet name="１２月" sheetId="44" r:id="rId9"/>
    <sheet name="１月" sheetId="45" r:id="rId10"/>
    <sheet name="２月" sheetId="46" r:id="rId11"/>
    <sheet name="３月" sheetId="47" r:id="rId12"/>
    <sheet name="記載例" sheetId="48" r:id="rId13"/>
    <sheet name="年度設定シート" sheetId="49" state="hidden" r:id="rId14"/>
  </sheets>
  <definedNames>
    <definedName name="_xlnm._FilterDatabase" localSheetId="6" hidden="1">'１０月'!$B$7:$I$39</definedName>
    <definedName name="_xlnm._FilterDatabase" localSheetId="7" hidden="1">'１１月'!$B$7:$I$38</definedName>
    <definedName name="_xlnm._FilterDatabase" localSheetId="8" hidden="1">'１２月'!$B$7:$I$39</definedName>
    <definedName name="_xlnm._FilterDatabase" localSheetId="9" hidden="1">'１月'!$B$7:$I$39</definedName>
    <definedName name="_xlnm._FilterDatabase" localSheetId="10" hidden="1">'２月'!$B$7:$I$37</definedName>
    <definedName name="_xlnm._FilterDatabase" localSheetId="11" hidden="1">'３月'!$B$7:$I$39</definedName>
    <definedName name="_xlnm._FilterDatabase" localSheetId="0" hidden="1">'４月'!$B$7:$I$38</definedName>
    <definedName name="_xlnm._FilterDatabase" localSheetId="1" hidden="1">'５月'!$B$7:$J$39</definedName>
    <definedName name="_xlnm._FilterDatabase" localSheetId="2" hidden="1">'６月'!$B$7:$I$38</definedName>
    <definedName name="_xlnm._FilterDatabase" localSheetId="3" hidden="1">'７月'!$B$7:$I$39</definedName>
    <definedName name="_xlnm._FilterDatabase" localSheetId="4" hidden="1">'８月'!$B$7:$I$39</definedName>
    <definedName name="_xlnm._FilterDatabase" localSheetId="5" hidden="1">'９月'!$B$7:$I$38</definedName>
    <definedName name="_xlnm._FilterDatabase" localSheetId="12" hidden="1">記載例!$B$7:$I$38</definedName>
    <definedName name="_xlnm.Print_Area" localSheetId="6">'１０月'!$A$1:$I$39</definedName>
    <definedName name="_xlnm.Print_Area" localSheetId="7">'１１月'!$A$1:$I$38</definedName>
    <definedName name="_xlnm.Print_Area" localSheetId="8">'１２月'!$A$1:$I$39</definedName>
    <definedName name="_xlnm.Print_Area" localSheetId="9">'１月'!$A$1:$I$39</definedName>
    <definedName name="_xlnm.Print_Area" localSheetId="10">'２月'!$A$1:$I$36</definedName>
    <definedName name="_xlnm.Print_Area" localSheetId="11">'３月'!$A$1:$I$39</definedName>
    <definedName name="_xlnm.Print_Area" localSheetId="0">'４月'!$A$1:$I$38</definedName>
    <definedName name="_xlnm.Print_Area" localSheetId="1">'５月'!$A$1:$I$39</definedName>
    <definedName name="_xlnm.Print_Area" localSheetId="2">'６月'!$A$1:$I$38</definedName>
    <definedName name="_xlnm.Print_Area" localSheetId="3">'７月'!$A$1:$I$39</definedName>
    <definedName name="_xlnm.Print_Area" localSheetId="4">'８月'!$A$1:$I$39</definedName>
    <definedName name="_xlnm.Print_Area" localSheetId="5">'９月'!$A$1:$I$38</definedName>
  </definedNames>
  <calcPr calcId="191029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  <ext xmlns:mx="http://schemas.microsoft.com/office/mac/excel/2008/main" uri="{7523E5D3-25F3-A5E0-1632-64F254C22452}">
      <mx:ArchID Flags="2"/>
    </ext>
  </extLst>
</workbook>
</file>

<file path=xl/calcChain.xml><?xml version="1.0" encoding="utf-8"?>
<calcChain xmlns="http://schemas.openxmlformats.org/spreadsheetml/2006/main">
  <c r="C8" i="36" l="1"/>
  <c r="B8" i="36"/>
  <c r="G36" i="46"/>
  <c r="F36" i="46"/>
  <c r="G38" i="43"/>
  <c r="F38" i="43"/>
  <c r="G38" i="41"/>
  <c r="F38" i="41"/>
  <c r="G38" i="38"/>
  <c r="F38" i="38"/>
  <c r="B2" i="49" l="1"/>
  <c r="D11" i="49" s="1"/>
  <c r="B1" i="46" s="1"/>
  <c r="B8" i="46" s="1"/>
  <c r="B1" i="49"/>
  <c r="D9" i="49" s="1"/>
  <c r="B1" i="44" s="1"/>
  <c r="B8" i="44" s="1"/>
  <c r="C8" i="44" s="1"/>
  <c r="D10" i="49" l="1"/>
  <c r="B1" i="45" s="1"/>
  <c r="B8" i="45" s="1"/>
  <c r="B9" i="45" s="1"/>
  <c r="C8" i="46"/>
  <c r="B9" i="46"/>
  <c r="B10" i="46" s="1"/>
  <c r="C10" i="46" s="1"/>
  <c r="D8" i="49"/>
  <c r="B1" i="43" s="1"/>
  <c r="B8" i="43" s="1"/>
  <c r="C8" i="43" s="1"/>
  <c r="D7" i="49"/>
  <c r="B1" i="42" s="1"/>
  <c r="B8" i="42" s="1"/>
  <c r="D6" i="49"/>
  <c r="B1" i="41" s="1"/>
  <c r="B8" i="41" s="1"/>
  <c r="C8" i="41" s="1"/>
  <c r="D5" i="49"/>
  <c r="B1" i="40" s="1"/>
  <c r="B8" i="40" s="1"/>
  <c r="B9" i="40" s="1"/>
  <c r="B10" i="40" s="1"/>
  <c r="D12" i="49"/>
  <c r="B1" i="47" s="1"/>
  <c r="B8" i="47" s="1"/>
  <c r="D1" i="49"/>
  <c r="D4" i="49"/>
  <c r="B1" i="39" s="1"/>
  <c r="B8" i="39" s="1"/>
  <c r="C8" i="39" s="1"/>
  <c r="D3" i="49"/>
  <c r="B1" i="38" s="1"/>
  <c r="B8" i="38" s="1"/>
  <c r="B9" i="38" s="1"/>
  <c r="B10" i="38" s="1"/>
  <c r="D2" i="49"/>
  <c r="B1" i="37" s="1"/>
  <c r="B8" i="37" s="1"/>
  <c r="C9" i="46"/>
  <c r="C9" i="45"/>
  <c r="B10" i="45"/>
  <c r="C8" i="45"/>
  <c r="B9" i="44"/>
  <c r="C8" i="38" l="1"/>
  <c r="C9" i="40"/>
  <c r="B9" i="41"/>
  <c r="B9" i="43"/>
  <c r="B1" i="48"/>
  <c r="B8" i="48" s="1"/>
  <c r="B1" i="36"/>
  <c r="B11" i="46"/>
  <c r="C11" i="46" s="1"/>
  <c r="C9" i="38"/>
  <c r="C8" i="40"/>
  <c r="C8" i="47"/>
  <c r="B9" i="47"/>
  <c r="B9" i="39"/>
  <c r="C9" i="39" s="1"/>
  <c r="C8" i="42"/>
  <c r="B9" i="42"/>
  <c r="C8" i="37"/>
  <c r="B9" i="37"/>
  <c r="C10" i="45"/>
  <c r="B11" i="45"/>
  <c r="B10" i="44"/>
  <c r="C9" i="44"/>
  <c r="B10" i="43"/>
  <c r="C9" i="43"/>
  <c r="B10" i="41"/>
  <c r="C9" i="41"/>
  <c r="C10" i="40"/>
  <c r="B11" i="40"/>
  <c r="C10" i="38"/>
  <c r="B11" i="38"/>
  <c r="B12" i="46" l="1"/>
  <c r="C12" i="46" s="1"/>
  <c r="B10" i="39"/>
  <c r="B11" i="39" s="1"/>
  <c r="B9" i="48"/>
  <c r="C8" i="48"/>
  <c r="B10" i="42"/>
  <c r="C9" i="42"/>
  <c r="C9" i="47"/>
  <c r="B10" i="47"/>
  <c r="B10" i="37"/>
  <c r="C9" i="37"/>
  <c r="B9" i="36"/>
  <c r="B13" i="46"/>
  <c r="B12" i="45"/>
  <c r="C11" i="45"/>
  <c r="C10" i="44"/>
  <c r="B11" i="44"/>
  <c r="C10" i="43"/>
  <c r="B11" i="43"/>
  <c r="C10" i="41"/>
  <c r="B11" i="41"/>
  <c r="B12" i="40"/>
  <c r="C11" i="40"/>
  <c r="C10" i="39"/>
  <c r="B12" i="38"/>
  <c r="C11" i="38"/>
  <c r="C9" i="48" l="1"/>
  <c r="B10" i="48"/>
  <c r="C10" i="37"/>
  <c r="B11" i="37"/>
  <c r="B11" i="47"/>
  <c r="C10" i="47"/>
  <c r="C9" i="36"/>
  <c r="B10" i="36"/>
  <c r="C10" i="42"/>
  <c r="B11" i="42"/>
  <c r="B14" i="46"/>
  <c r="C13" i="46"/>
  <c r="B13" i="45"/>
  <c r="C12" i="45"/>
  <c r="B12" i="44"/>
  <c r="C11" i="44"/>
  <c r="B12" i="43"/>
  <c r="C11" i="43"/>
  <c r="B12" i="41"/>
  <c r="C11" i="41"/>
  <c r="C12" i="40"/>
  <c r="B13" i="40"/>
  <c r="B12" i="39"/>
  <c r="C11" i="39"/>
  <c r="B13" i="38"/>
  <c r="C12" i="38"/>
  <c r="B11" i="48" l="1"/>
  <c r="C10" i="48"/>
  <c r="B12" i="42"/>
  <c r="C11" i="42"/>
  <c r="C11" i="47"/>
  <c r="B12" i="47"/>
  <c r="C11" i="37"/>
  <c r="B12" i="37"/>
  <c r="B11" i="36"/>
  <c r="C10" i="36"/>
  <c r="C14" i="46"/>
  <c r="B15" i="46"/>
  <c r="B14" i="45"/>
  <c r="C13" i="45"/>
  <c r="C12" i="44"/>
  <c r="B13" i="44"/>
  <c r="B13" i="43"/>
  <c r="C12" i="43"/>
  <c r="C12" i="41"/>
  <c r="B13" i="41"/>
  <c r="B14" i="40"/>
  <c r="C13" i="40"/>
  <c r="C12" i="39"/>
  <c r="B13" i="39"/>
  <c r="B14" i="38"/>
  <c r="C13" i="38"/>
  <c r="G38" i="48"/>
  <c r="F38" i="48"/>
  <c r="G39" i="47"/>
  <c r="F39" i="47"/>
  <c r="G39" i="45"/>
  <c r="F39" i="45"/>
  <c r="G39" i="44"/>
  <c r="F39" i="44"/>
  <c r="F39" i="42"/>
  <c r="G39" i="42"/>
  <c r="G39" i="40"/>
  <c r="F39" i="40"/>
  <c r="G39" i="39"/>
  <c r="F39" i="39"/>
  <c r="G39" i="37"/>
  <c r="F39" i="37"/>
  <c r="G38" i="36"/>
  <c r="F38" i="36"/>
  <c r="B12" i="48" l="1"/>
  <c r="C11" i="48"/>
  <c r="B12" i="36"/>
  <c r="C11" i="36"/>
  <c r="B13" i="37"/>
  <c r="C12" i="37"/>
  <c r="C12" i="47"/>
  <c r="B13" i="47"/>
  <c r="B13" i="42"/>
  <c r="C12" i="42"/>
  <c r="B16" i="46"/>
  <c r="C15" i="46"/>
  <c r="C14" i="45"/>
  <c r="B15" i="45"/>
  <c r="B14" i="44"/>
  <c r="C13" i="44"/>
  <c r="B14" i="43"/>
  <c r="C13" i="43"/>
  <c r="B14" i="41"/>
  <c r="C13" i="41"/>
  <c r="C14" i="40"/>
  <c r="B15" i="40"/>
  <c r="B14" i="39"/>
  <c r="C13" i="39"/>
  <c r="C14" i="38"/>
  <c r="B15" i="38"/>
  <c r="B13" i="48" l="1"/>
  <c r="C12" i="48"/>
  <c r="B14" i="47"/>
  <c r="C13" i="47"/>
  <c r="B14" i="42"/>
  <c r="C13" i="42"/>
  <c r="C13" i="37"/>
  <c r="B14" i="37"/>
  <c r="C12" i="36"/>
  <c r="B13" i="36"/>
  <c r="B17" i="46"/>
  <c r="C16" i="46"/>
  <c r="C15" i="45"/>
  <c r="B16" i="45"/>
  <c r="C14" i="44"/>
  <c r="B15" i="44"/>
  <c r="C14" i="43"/>
  <c r="B15" i="43"/>
  <c r="C14" i="41"/>
  <c r="B15" i="41"/>
  <c r="B16" i="40"/>
  <c r="C15" i="40"/>
  <c r="C14" i="39"/>
  <c r="B15" i="39"/>
  <c r="C15" i="38"/>
  <c r="B16" i="38"/>
  <c r="C13" i="48" l="1"/>
  <c r="B14" i="48"/>
  <c r="B15" i="37"/>
  <c r="C14" i="37"/>
  <c r="B14" i="36"/>
  <c r="C13" i="36"/>
  <c r="C14" i="42"/>
  <c r="B15" i="42"/>
  <c r="C14" i="47"/>
  <c r="B15" i="47"/>
  <c r="B18" i="46"/>
  <c r="C17" i="46"/>
  <c r="B17" i="45"/>
  <c r="C16" i="45"/>
  <c r="C15" i="44"/>
  <c r="B16" i="44"/>
  <c r="B16" i="43"/>
  <c r="C15" i="43"/>
  <c r="C15" i="41"/>
  <c r="B16" i="41"/>
  <c r="B17" i="40"/>
  <c r="C16" i="40"/>
  <c r="B16" i="39"/>
  <c r="C15" i="39"/>
  <c r="B17" i="38"/>
  <c r="C16" i="38"/>
  <c r="C14" i="48" l="1"/>
  <c r="B15" i="48"/>
  <c r="C15" i="42"/>
  <c r="B16" i="42"/>
  <c r="B15" i="36"/>
  <c r="C14" i="36"/>
  <c r="B16" i="47"/>
  <c r="C15" i="47"/>
  <c r="C15" i="37"/>
  <c r="B16" i="37"/>
  <c r="B19" i="46"/>
  <c r="C18" i="46"/>
  <c r="B18" i="45"/>
  <c r="C17" i="45"/>
  <c r="B17" i="44"/>
  <c r="C16" i="44"/>
  <c r="C16" i="43"/>
  <c r="B17" i="43"/>
  <c r="B17" i="41"/>
  <c r="C16" i="41"/>
  <c r="B18" i="40"/>
  <c r="C17" i="40"/>
  <c r="C16" i="39"/>
  <c r="B17" i="39"/>
  <c r="B18" i="38"/>
  <c r="C17" i="38"/>
  <c r="B16" i="48" l="1"/>
  <c r="C15" i="48"/>
  <c r="B17" i="47"/>
  <c r="C16" i="47"/>
  <c r="C16" i="37"/>
  <c r="B17" i="37"/>
  <c r="C15" i="36"/>
  <c r="B16" i="36"/>
  <c r="C16" i="42"/>
  <c r="B17" i="42"/>
  <c r="C19" i="46"/>
  <c r="B20" i="46"/>
  <c r="C18" i="45"/>
  <c r="B19" i="45"/>
  <c r="B18" i="44"/>
  <c r="C17" i="44"/>
  <c r="B18" i="43"/>
  <c r="C17" i="43"/>
  <c r="B18" i="41"/>
  <c r="C17" i="41"/>
  <c r="C18" i="40"/>
  <c r="B19" i="40"/>
  <c r="B18" i="39"/>
  <c r="C17" i="39"/>
  <c r="C18" i="38"/>
  <c r="B19" i="38"/>
  <c r="B17" i="48" l="1"/>
  <c r="C16" i="48"/>
  <c r="C16" i="36"/>
  <c r="B17" i="36"/>
  <c r="B18" i="37"/>
  <c r="C17" i="37"/>
  <c r="C17" i="42"/>
  <c r="B18" i="42"/>
  <c r="B18" i="47"/>
  <c r="C17" i="47"/>
  <c r="B21" i="46"/>
  <c r="C20" i="46"/>
  <c r="B20" i="45"/>
  <c r="C19" i="45"/>
  <c r="C18" i="44"/>
  <c r="B19" i="44"/>
  <c r="C18" i="43"/>
  <c r="B19" i="43"/>
  <c r="C18" i="41"/>
  <c r="B19" i="41"/>
  <c r="C19" i="40"/>
  <c r="B20" i="40"/>
  <c r="C18" i="39"/>
  <c r="B19" i="39"/>
  <c r="B20" i="38"/>
  <c r="C19" i="38"/>
  <c r="C17" i="48" l="1"/>
  <c r="B18" i="48"/>
  <c r="C18" i="47"/>
  <c r="B19" i="47"/>
  <c r="B19" i="42"/>
  <c r="C18" i="42"/>
  <c r="C18" i="37"/>
  <c r="B19" i="37"/>
  <c r="B18" i="36"/>
  <c r="C17" i="36"/>
  <c r="B22" i="46"/>
  <c r="C21" i="46"/>
  <c r="B21" i="45"/>
  <c r="C20" i="45"/>
  <c r="B20" i="44"/>
  <c r="C19" i="44"/>
  <c r="C19" i="43"/>
  <c r="B20" i="43"/>
  <c r="B20" i="41"/>
  <c r="C19" i="41"/>
  <c r="B21" i="40"/>
  <c r="C20" i="40"/>
  <c r="C19" i="39"/>
  <c r="B20" i="39"/>
  <c r="B21" i="38"/>
  <c r="C20" i="38"/>
  <c r="B19" i="48" l="1"/>
  <c r="C18" i="48"/>
  <c r="B20" i="37"/>
  <c r="C19" i="37"/>
  <c r="C18" i="36"/>
  <c r="B19" i="36"/>
  <c r="B20" i="42"/>
  <c r="C19" i="42"/>
  <c r="B20" i="47"/>
  <c r="C19" i="47"/>
  <c r="C22" i="46"/>
  <c r="B23" i="46"/>
  <c r="C21" i="45"/>
  <c r="B22" i="45"/>
  <c r="B21" i="44"/>
  <c r="C20" i="44"/>
  <c r="C20" i="43"/>
  <c r="B21" i="43"/>
  <c r="C20" i="41"/>
  <c r="B21" i="41"/>
  <c r="B22" i="40"/>
  <c r="C21" i="40"/>
  <c r="B21" i="39"/>
  <c r="C20" i="39"/>
  <c r="B22" i="38"/>
  <c r="C21" i="38"/>
  <c r="B20" i="48" l="1"/>
  <c r="C19" i="48"/>
  <c r="B21" i="47"/>
  <c r="C20" i="47"/>
  <c r="B20" i="36"/>
  <c r="C19" i="36"/>
  <c r="B21" i="42"/>
  <c r="C20" i="42"/>
  <c r="C20" i="37"/>
  <c r="B21" i="37"/>
  <c r="B24" i="46"/>
  <c r="C23" i="46"/>
  <c r="C22" i="45"/>
  <c r="B23" i="45"/>
  <c r="B22" i="44"/>
  <c r="C21" i="44"/>
  <c r="B22" i="43"/>
  <c r="C21" i="43"/>
  <c r="B22" i="41"/>
  <c r="C21" i="41"/>
  <c r="C22" i="40"/>
  <c r="B23" i="40"/>
  <c r="B22" i="39"/>
  <c r="C21" i="39"/>
  <c r="C22" i="38"/>
  <c r="B23" i="38"/>
  <c r="B21" i="48" l="1"/>
  <c r="C20" i="48"/>
  <c r="B22" i="37"/>
  <c r="C21" i="37"/>
  <c r="C20" i="36"/>
  <c r="B21" i="36"/>
  <c r="C21" i="42"/>
  <c r="B22" i="42"/>
  <c r="C21" i="47"/>
  <c r="B22" i="47"/>
  <c r="B25" i="46"/>
  <c r="C24" i="46"/>
  <c r="C23" i="45"/>
  <c r="B24" i="45"/>
  <c r="C22" i="44"/>
  <c r="B23" i="44"/>
  <c r="C22" i="43"/>
  <c r="B23" i="43"/>
  <c r="C22" i="41"/>
  <c r="B23" i="41"/>
  <c r="B24" i="40"/>
  <c r="C23" i="40"/>
  <c r="C22" i="39"/>
  <c r="B23" i="39"/>
  <c r="B24" i="38"/>
  <c r="C23" i="38"/>
  <c r="C21" i="48" l="1"/>
  <c r="B22" i="48"/>
  <c r="C22" i="47"/>
  <c r="B23" i="47"/>
  <c r="C22" i="42"/>
  <c r="B23" i="42"/>
  <c r="C21" i="36"/>
  <c r="B22" i="36"/>
  <c r="B23" i="37"/>
  <c r="C22" i="37"/>
  <c r="B26" i="46"/>
  <c r="C25" i="46"/>
  <c r="B25" i="45"/>
  <c r="C24" i="45"/>
  <c r="B24" i="44"/>
  <c r="C23" i="44"/>
  <c r="B24" i="43"/>
  <c r="C23" i="43"/>
  <c r="B24" i="41"/>
  <c r="C23" i="41"/>
  <c r="B25" i="40"/>
  <c r="C24" i="40"/>
  <c r="C23" i="39"/>
  <c r="B24" i="39"/>
  <c r="B25" i="38"/>
  <c r="C24" i="38"/>
  <c r="C22" i="48" l="1"/>
  <c r="B23" i="48"/>
  <c r="B23" i="36"/>
  <c r="C22" i="36"/>
  <c r="B24" i="37"/>
  <c r="C23" i="37"/>
  <c r="C23" i="42"/>
  <c r="B24" i="42"/>
  <c r="B24" i="47"/>
  <c r="C23" i="47"/>
  <c r="B27" i="46"/>
  <c r="C26" i="46"/>
  <c r="B26" i="45"/>
  <c r="C25" i="45"/>
  <c r="C24" i="44"/>
  <c r="B25" i="44"/>
  <c r="C24" i="43"/>
  <c r="B25" i="43"/>
  <c r="C24" i="41"/>
  <c r="B25" i="41"/>
  <c r="B26" i="40"/>
  <c r="C25" i="40"/>
  <c r="C24" i="39"/>
  <c r="B25" i="39"/>
  <c r="B26" i="38"/>
  <c r="C25" i="38"/>
  <c r="B24" i="48" l="1"/>
  <c r="C23" i="48"/>
  <c r="C24" i="42"/>
  <c r="B25" i="42"/>
  <c r="C24" i="47"/>
  <c r="B25" i="47"/>
  <c r="B25" i="37"/>
  <c r="C24" i="37"/>
  <c r="B24" i="36"/>
  <c r="C23" i="36"/>
  <c r="B28" i="46"/>
  <c r="C27" i="46"/>
  <c r="C26" i="45"/>
  <c r="B27" i="45"/>
  <c r="B26" i="44"/>
  <c r="C25" i="44"/>
  <c r="B26" i="43"/>
  <c r="C25" i="43"/>
  <c r="B26" i="41"/>
  <c r="C25" i="41"/>
  <c r="C26" i="40"/>
  <c r="B27" i="40"/>
  <c r="B26" i="39"/>
  <c r="C25" i="39"/>
  <c r="C26" i="38"/>
  <c r="B27" i="38"/>
  <c r="B25" i="48" l="1"/>
  <c r="C24" i="48"/>
  <c r="C24" i="36"/>
  <c r="B25" i="36"/>
  <c r="B26" i="47"/>
  <c r="C25" i="47"/>
  <c r="B26" i="42"/>
  <c r="C25" i="42"/>
  <c r="B26" i="37"/>
  <c r="C25" i="37"/>
  <c r="B29" i="46"/>
  <c r="C28" i="46"/>
  <c r="B28" i="45"/>
  <c r="C27" i="45"/>
  <c r="C26" i="44"/>
  <c r="B27" i="44"/>
  <c r="C26" i="43"/>
  <c r="B27" i="43"/>
  <c r="C26" i="41"/>
  <c r="B27" i="41"/>
  <c r="B28" i="40"/>
  <c r="C27" i="40"/>
  <c r="C26" i="39"/>
  <c r="B27" i="39"/>
  <c r="C27" i="38"/>
  <c r="B28" i="38"/>
  <c r="C25" i="48" l="1"/>
  <c r="B26" i="48"/>
  <c r="B27" i="37"/>
  <c r="C26" i="37"/>
  <c r="C26" i="47"/>
  <c r="B27" i="47"/>
  <c r="C26" i="42"/>
  <c r="B27" i="42"/>
  <c r="B26" i="36"/>
  <c r="C25" i="36"/>
  <c r="B30" i="46"/>
  <c r="C29" i="46"/>
  <c r="B29" i="45"/>
  <c r="C28" i="45"/>
  <c r="B28" i="44"/>
  <c r="C27" i="44"/>
  <c r="C27" i="43"/>
  <c r="B28" i="43"/>
  <c r="B28" i="41"/>
  <c r="C27" i="41"/>
  <c r="B29" i="40"/>
  <c r="C28" i="40"/>
  <c r="B28" i="39"/>
  <c r="C27" i="39"/>
  <c r="B29" i="38"/>
  <c r="C28" i="38"/>
  <c r="C26" i="48" l="1"/>
  <c r="B27" i="48"/>
  <c r="C26" i="36"/>
  <c r="B27" i="36"/>
  <c r="B28" i="47"/>
  <c r="C27" i="47"/>
  <c r="B28" i="42"/>
  <c r="C27" i="42"/>
  <c r="B28" i="37"/>
  <c r="C27" i="37"/>
  <c r="B31" i="46"/>
  <c r="C30" i="46"/>
  <c r="B30" i="45"/>
  <c r="C29" i="45"/>
  <c r="B29" i="44"/>
  <c r="C28" i="44"/>
  <c r="B29" i="43"/>
  <c r="C28" i="43"/>
  <c r="C28" i="41"/>
  <c r="B29" i="41"/>
  <c r="B30" i="40"/>
  <c r="C29" i="40"/>
  <c r="C28" i="39"/>
  <c r="B29" i="39"/>
  <c r="B30" i="38"/>
  <c r="C29" i="38"/>
  <c r="C27" i="48" l="1"/>
  <c r="B28" i="48"/>
  <c r="B29" i="37"/>
  <c r="C28" i="37"/>
  <c r="B29" i="42"/>
  <c r="C28" i="42"/>
  <c r="B29" i="47"/>
  <c r="C28" i="47"/>
  <c r="B28" i="36"/>
  <c r="C27" i="36"/>
  <c r="C31" i="46"/>
  <c r="B32" i="46"/>
  <c r="C30" i="45"/>
  <c r="B31" i="45"/>
  <c r="B30" i="44"/>
  <c r="C29" i="44"/>
  <c r="B30" i="43"/>
  <c r="C29" i="43"/>
  <c r="B30" i="41"/>
  <c r="C29" i="41"/>
  <c r="C30" i="40"/>
  <c r="B31" i="40"/>
  <c r="B30" i="39"/>
  <c r="C29" i="39"/>
  <c r="C30" i="38"/>
  <c r="B31" i="38"/>
  <c r="C28" i="48" l="1"/>
  <c r="B29" i="48"/>
  <c r="C28" i="36"/>
  <c r="B29" i="36"/>
  <c r="B30" i="47"/>
  <c r="C29" i="47"/>
  <c r="B30" i="42"/>
  <c r="C29" i="42"/>
  <c r="C29" i="37"/>
  <c r="B30" i="37"/>
  <c r="B33" i="46"/>
  <c r="C32" i="46"/>
  <c r="C31" i="45"/>
  <c r="B32" i="45"/>
  <c r="C30" i="44"/>
  <c r="B31" i="44"/>
  <c r="C30" i="43"/>
  <c r="B31" i="43"/>
  <c r="C30" i="41"/>
  <c r="B31" i="41"/>
  <c r="C31" i="40"/>
  <c r="B32" i="40"/>
  <c r="C30" i="39"/>
  <c r="B31" i="39"/>
  <c r="C31" i="38"/>
  <c r="B32" i="38"/>
  <c r="C29" i="48" l="1"/>
  <c r="B30" i="48"/>
  <c r="C30" i="37"/>
  <c r="B31" i="37"/>
  <c r="B31" i="42"/>
  <c r="C30" i="42"/>
  <c r="C30" i="47"/>
  <c r="B31" i="47"/>
  <c r="B30" i="36"/>
  <c r="C29" i="36"/>
  <c r="B34" i="46"/>
  <c r="C33" i="46"/>
  <c r="B33" i="45"/>
  <c r="C32" i="45"/>
  <c r="C31" i="44"/>
  <c r="B32" i="44"/>
  <c r="B32" i="43"/>
  <c r="C31" i="43"/>
  <c r="B32" i="41"/>
  <c r="C31" i="41"/>
  <c r="B33" i="40"/>
  <c r="C32" i="40"/>
  <c r="C31" i="39"/>
  <c r="B32" i="39"/>
  <c r="B33" i="38"/>
  <c r="C32" i="38"/>
  <c r="B31" i="48" l="1"/>
  <c r="C30" i="48"/>
  <c r="B32" i="47"/>
  <c r="C31" i="47"/>
  <c r="B32" i="42"/>
  <c r="C31" i="42"/>
  <c r="C30" i="36"/>
  <c r="B31" i="36"/>
  <c r="B32" i="37"/>
  <c r="C31" i="37"/>
  <c r="B35" i="46"/>
  <c r="C34" i="46"/>
  <c r="C33" i="45"/>
  <c r="B34" i="45"/>
  <c r="B33" i="44"/>
  <c r="C32" i="44"/>
  <c r="C32" i="43"/>
  <c r="B33" i="43"/>
  <c r="B33" i="41"/>
  <c r="C32" i="41"/>
  <c r="B34" i="40"/>
  <c r="C33" i="40"/>
  <c r="B33" i="39"/>
  <c r="C32" i="39"/>
  <c r="B34" i="38"/>
  <c r="C33" i="38"/>
  <c r="B32" i="48" l="1"/>
  <c r="C31" i="48"/>
  <c r="C32" i="37"/>
  <c r="B33" i="37"/>
  <c r="C31" i="36"/>
  <c r="B32" i="36"/>
  <c r="C32" i="42"/>
  <c r="B33" i="42"/>
  <c r="C32" i="47"/>
  <c r="B33" i="47"/>
  <c r="C35" i="46"/>
  <c r="C34" i="45"/>
  <c r="B35" i="45"/>
  <c r="B34" i="44"/>
  <c r="C33" i="44"/>
  <c r="B34" i="43"/>
  <c r="C33" i="43"/>
  <c r="B34" i="41"/>
  <c r="C33" i="41"/>
  <c r="C34" i="40"/>
  <c r="B35" i="40"/>
  <c r="B34" i="39"/>
  <c r="C33" i="39"/>
  <c r="C34" i="38"/>
  <c r="B35" i="38"/>
  <c r="C32" i="48" l="1"/>
  <c r="B33" i="48"/>
  <c r="B34" i="47"/>
  <c r="C33" i="47"/>
  <c r="C33" i="42"/>
  <c r="B34" i="42"/>
  <c r="C32" i="36"/>
  <c r="B33" i="36"/>
  <c r="C33" i="37"/>
  <c r="B34" i="37"/>
  <c r="B36" i="45"/>
  <c r="C35" i="45"/>
  <c r="C34" i="44"/>
  <c r="B35" i="44"/>
  <c r="C34" i="43"/>
  <c r="B35" i="43"/>
  <c r="C34" i="41"/>
  <c r="B35" i="41"/>
  <c r="C35" i="40"/>
  <c r="B36" i="40"/>
  <c r="C34" i="39"/>
  <c r="B35" i="39"/>
  <c r="C35" i="38"/>
  <c r="B36" i="38"/>
  <c r="B34" i="48" l="1"/>
  <c r="C33" i="48"/>
  <c r="B35" i="37"/>
  <c r="C34" i="37"/>
  <c r="C33" i="36"/>
  <c r="B34" i="36"/>
  <c r="C34" i="42"/>
  <c r="B35" i="42"/>
  <c r="C34" i="47"/>
  <c r="B35" i="47"/>
  <c r="B37" i="45"/>
  <c r="C36" i="45"/>
  <c r="C35" i="44"/>
  <c r="B36" i="44"/>
  <c r="C35" i="43"/>
  <c r="B36" i="43"/>
  <c r="C35" i="41"/>
  <c r="B36" i="41"/>
  <c r="C36" i="40"/>
  <c r="B37" i="40"/>
  <c r="B36" i="39"/>
  <c r="C35" i="39"/>
  <c r="B37" i="38"/>
  <c r="C36" i="38"/>
  <c r="B35" i="48" l="1"/>
  <c r="C34" i="48"/>
  <c r="B36" i="47"/>
  <c r="C35" i="47"/>
  <c r="B36" i="42"/>
  <c r="C35" i="42"/>
  <c r="B35" i="36"/>
  <c r="C34" i="36"/>
  <c r="B36" i="37"/>
  <c r="C35" i="37"/>
  <c r="B38" i="45"/>
  <c r="C38" i="45" s="1"/>
  <c r="C37" i="45"/>
  <c r="C36" i="44"/>
  <c r="B37" i="44"/>
  <c r="C36" i="43"/>
  <c r="B37" i="43"/>
  <c r="C36" i="41"/>
  <c r="B37" i="41"/>
  <c r="B38" i="40"/>
  <c r="C38" i="40" s="1"/>
  <c r="C37" i="40"/>
  <c r="C36" i="39"/>
  <c r="B37" i="39"/>
  <c r="C37" i="38"/>
  <c r="B36" i="48" l="1"/>
  <c r="C35" i="48"/>
  <c r="C36" i="37"/>
  <c r="B37" i="37"/>
  <c r="B36" i="36"/>
  <c r="C35" i="36"/>
  <c r="C36" i="42"/>
  <c r="B37" i="42"/>
  <c r="B37" i="47"/>
  <c r="C36" i="47"/>
  <c r="B38" i="44"/>
  <c r="C38" i="44" s="1"/>
  <c r="C37" i="44"/>
  <c r="C37" i="43"/>
  <c r="C37" i="41"/>
  <c r="B38" i="39"/>
  <c r="C38" i="39" s="1"/>
  <c r="C37" i="39"/>
  <c r="B37" i="48" l="1"/>
  <c r="C37" i="48" s="1"/>
  <c r="C36" i="48"/>
  <c r="B38" i="47"/>
  <c r="C38" i="47" s="1"/>
  <c r="C37" i="47"/>
  <c r="B38" i="42"/>
  <c r="C38" i="42" s="1"/>
  <c r="C37" i="42"/>
  <c r="C36" i="36"/>
  <c r="B37" i="36"/>
  <c r="C37" i="36" s="1"/>
  <c r="B38" i="37"/>
  <c r="C38" i="37" s="1"/>
  <c r="C37" i="37"/>
</calcChain>
</file>

<file path=xl/sharedStrings.xml><?xml version="1.0" encoding="utf-8"?>
<sst xmlns="http://schemas.openxmlformats.org/spreadsheetml/2006/main" count="151" uniqueCount="15">
  <si>
    <t>日</t>
    <rPh sb="0" eb="1">
      <t>ニチ</t>
    </rPh>
    <phoneticPr fontId="1"/>
  </si>
  <si>
    <t>曜日</t>
    <rPh sb="0" eb="2">
      <t>ヨウビ</t>
    </rPh>
    <phoneticPr fontId="1"/>
  </si>
  <si>
    <t>始業時刻</t>
    <rPh sb="0" eb="2">
      <t>シギョウ</t>
    </rPh>
    <rPh sb="2" eb="4">
      <t>ジコク</t>
    </rPh>
    <phoneticPr fontId="1"/>
  </si>
  <si>
    <t>終業時刻</t>
    <rPh sb="0" eb="2">
      <t>シュウギョウ</t>
    </rPh>
    <rPh sb="2" eb="4">
      <t>ジコク</t>
    </rPh>
    <phoneticPr fontId="1"/>
  </si>
  <si>
    <t>合計</t>
    <rPh sb="0" eb="2">
      <t>ゴウケイ</t>
    </rPh>
    <phoneticPr fontId="1"/>
  </si>
  <si>
    <t>出勤印</t>
    <rPh sb="0" eb="2">
      <t>シュッキン</t>
    </rPh>
    <rPh sb="2" eb="3">
      <t>イン</t>
    </rPh>
    <phoneticPr fontId="1"/>
  </si>
  <si>
    <t>氏　　名</t>
    <rPh sb="0" eb="1">
      <t>シ</t>
    </rPh>
    <rPh sb="3" eb="4">
      <t>メイ</t>
    </rPh>
    <phoneticPr fontId="1"/>
  </si>
  <si>
    <t>休憩時間（h）</t>
    <rPh sb="0" eb="2">
      <t>キュウケイ</t>
    </rPh>
    <rPh sb="2" eb="4">
      <t>ジカン</t>
    </rPh>
    <phoneticPr fontId="1"/>
  </si>
  <si>
    <t>実労働時間（h）</t>
    <rPh sb="0" eb="1">
      <t>ジツ</t>
    </rPh>
    <rPh sb="1" eb="3">
      <t>ロウドウ</t>
    </rPh>
    <rPh sb="3" eb="5">
      <t>ジカン</t>
    </rPh>
    <phoneticPr fontId="1"/>
  </si>
  <si>
    <t>主な業務内容</t>
    <rPh sb="0" eb="1">
      <t>オモ</t>
    </rPh>
    <rPh sb="2" eb="4">
      <t>ギョウム</t>
    </rPh>
    <rPh sb="4" eb="6">
      <t>ナイヨウ</t>
    </rPh>
    <phoneticPr fontId="1"/>
  </si>
  <si>
    <t>神奈川　太郎</t>
    <rPh sb="0" eb="3">
      <t>カナガワ</t>
    </rPh>
    <rPh sb="4" eb="6">
      <t>タロウ</t>
    </rPh>
    <phoneticPr fontId="1"/>
  </si>
  <si>
    <t>担任教員に対する登園状況の報告</t>
  </si>
  <si>
    <t>印</t>
    <rPh sb="0" eb="1">
      <t>イン</t>
    </rPh>
    <phoneticPr fontId="1"/>
  </si>
  <si>
    <t>園児の建物内への誘導</t>
  </si>
  <si>
    <t>幼稚園の入口における園児の受け入れ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3">
    <numFmt numFmtId="176" formatCode="h:mm;@"/>
    <numFmt numFmtId="177" formatCode="d&quot;日&quot;"/>
    <numFmt numFmtId="178" formatCode="[$-411]ggge&quot;年&quot;m&quot;月&quot;"/>
  </numFmts>
  <fonts count="11" x14ac:knownFonts="1">
    <font>
      <sz val="12"/>
      <color theme="1"/>
      <name val="ＭＳ Ｐゴシック"/>
      <family val="2"/>
      <charset val="128"/>
      <scheme val="minor"/>
    </font>
    <font>
      <sz val="6"/>
      <name val="ＭＳ Ｐゴシック"/>
      <family val="2"/>
      <charset val="128"/>
      <scheme val="minor"/>
    </font>
    <font>
      <u/>
      <sz val="12"/>
      <color theme="10"/>
      <name val="ＭＳ Ｐゴシック"/>
      <family val="2"/>
      <charset val="128"/>
      <scheme val="minor"/>
    </font>
    <font>
      <u/>
      <sz val="12"/>
      <color theme="11"/>
      <name val="ＭＳ Ｐゴシック"/>
      <family val="2"/>
      <charset val="128"/>
      <scheme val="minor"/>
    </font>
    <font>
      <sz val="14"/>
      <color theme="1"/>
      <name val="ＭＳ Ｐゴシック"/>
      <family val="3"/>
      <charset val="128"/>
      <scheme val="minor"/>
    </font>
    <font>
      <sz val="16"/>
      <color theme="1"/>
      <name val="ＭＳ Ｐゴシック"/>
      <family val="2"/>
      <charset val="128"/>
      <scheme val="minor"/>
    </font>
    <font>
      <sz val="16"/>
      <color theme="1"/>
      <name val="ＭＳ Ｐゴシック"/>
      <family val="3"/>
      <charset val="128"/>
      <scheme val="minor"/>
    </font>
    <font>
      <sz val="20"/>
      <color theme="1"/>
      <name val="ＭＳ Ｐゴシック"/>
      <family val="2"/>
      <charset val="128"/>
      <scheme val="minor"/>
    </font>
    <font>
      <sz val="20"/>
      <color theme="1"/>
      <name val="ＭＳ Ｐゴシック"/>
      <family val="3"/>
      <charset val="128"/>
      <scheme val="minor"/>
    </font>
    <font>
      <sz val="16"/>
      <name val="ＭＳ Ｐゴシック"/>
      <family val="3"/>
      <charset val="128"/>
      <scheme val="minor"/>
    </font>
    <font>
      <sz val="18"/>
      <color theme="1"/>
      <name val="ＭＳ Ｐゴシック"/>
      <family val="2"/>
      <charset val="128"/>
      <scheme val="minor"/>
    </font>
  </fonts>
  <fills count="2">
    <fill>
      <patternFill patternType="none"/>
    </fill>
    <fill>
      <patternFill patternType="gray125"/>
    </fill>
  </fills>
  <borders count="8">
    <border>
      <left/>
      <right/>
      <top/>
      <bottom/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/>
      <top style="thin">
        <color auto="1"/>
      </top>
      <bottom/>
      <diagonal/>
    </border>
    <border>
      <left/>
      <right style="thin">
        <color auto="1"/>
      </right>
      <top style="thin">
        <color auto="1"/>
      </top>
      <bottom/>
      <diagonal/>
    </border>
    <border>
      <left style="thin">
        <color auto="1"/>
      </left>
      <right/>
      <top/>
      <bottom style="thin">
        <color auto="1"/>
      </bottom>
      <diagonal/>
    </border>
    <border>
      <left/>
      <right style="thin">
        <color auto="1"/>
      </right>
      <top/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/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</borders>
  <cellStyleXfs count="89">
    <xf numFmtId="0" fontId="0" fillId="0" borderId="0"/>
    <xf numFmtId="0" fontId="2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2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2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2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2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2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2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2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2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2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2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2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2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2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2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2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2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2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2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2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2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2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2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2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2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2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2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2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2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2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2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2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2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2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2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2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2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2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2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2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2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2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2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2" fillId="0" borderId="0" applyNumberFormat="0" applyFill="0" applyBorder="0" applyAlignment="0" applyProtection="0"/>
    <xf numFmtId="0" fontId="3" fillId="0" borderId="0" applyNumberFormat="0" applyFill="0" applyBorder="0" applyAlignment="0" applyProtection="0"/>
  </cellStyleXfs>
  <cellXfs count="29">
    <xf numFmtId="0" fontId="0" fillId="0" borderId="0" xfId="0"/>
    <xf numFmtId="0" fontId="8" fillId="0" borderId="1" xfId="0" applyNumberFormat="1" applyFont="1" applyBorder="1" applyAlignment="1">
      <alignment horizontal="center" vertical="center"/>
    </xf>
    <xf numFmtId="176" fontId="8" fillId="0" borderId="1" xfId="0" applyNumberFormat="1" applyFont="1" applyFill="1" applyBorder="1" applyAlignment="1">
      <alignment horizontal="center" vertical="center"/>
    </xf>
    <xf numFmtId="0" fontId="8" fillId="0" borderId="1" xfId="0" applyNumberFormat="1" applyFont="1" applyFill="1" applyBorder="1" applyAlignment="1">
      <alignment horizontal="center" vertical="center"/>
    </xf>
    <xf numFmtId="0" fontId="4" fillId="0" borderId="1" xfId="0" applyFont="1" applyBorder="1" applyAlignment="1">
      <alignment horizontal="center" vertical="center"/>
    </xf>
    <xf numFmtId="0" fontId="0" fillId="0" borderId="0" xfId="0" applyFill="1"/>
    <xf numFmtId="0" fontId="0" fillId="0" borderId="1" xfId="0" applyBorder="1"/>
    <xf numFmtId="0" fontId="0" fillId="0" borderId="5" xfId="0" applyBorder="1"/>
    <xf numFmtId="0" fontId="6" fillId="0" borderId="1" xfId="0" applyFont="1" applyFill="1" applyBorder="1" applyAlignment="1">
      <alignment horizontal="center" vertical="center"/>
    </xf>
    <xf numFmtId="177" fontId="5" fillId="0" borderId="1" xfId="0" applyNumberFormat="1" applyFont="1" applyBorder="1" applyAlignment="1">
      <alignment horizontal="center" vertical="center"/>
    </xf>
    <xf numFmtId="0" fontId="9" fillId="0" borderId="1" xfId="0" applyFont="1" applyFill="1" applyBorder="1" applyAlignment="1">
      <alignment horizontal="center" vertical="center"/>
    </xf>
    <xf numFmtId="0" fontId="10" fillId="0" borderId="0" xfId="0" applyFont="1" applyFill="1"/>
    <xf numFmtId="14" fontId="0" fillId="0" borderId="0" xfId="0" applyNumberFormat="1" applyFill="1"/>
    <xf numFmtId="56" fontId="0" fillId="0" borderId="0" xfId="0" applyNumberFormat="1" applyFill="1"/>
    <xf numFmtId="178" fontId="7" fillId="0" borderId="0" xfId="0" applyNumberFormat="1" applyFont="1" applyBorder="1" applyAlignment="1">
      <alignment horizontal="center" vertical="center"/>
    </xf>
    <xf numFmtId="0" fontId="6" fillId="0" borderId="6" xfId="0" applyFont="1" applyBorder="1" applyAlignment="1">
      <alignment horizontal="center" vertical="center"/>
    </xf>
    <xf numFmtId="0" fontId="6" fillId="0" borderId="7" xfId="0" applyFont="1" applyBorder="1" applyAlignment="1">
      <alignment horizontal="center" vertical="center"/>
    </xf>
    <xf numFmtId="0" fontId="5" fillId="0" borderId="1" xfId="0" applyFont="1" applyBorder="1" applyAlignment="1">
      <alignment horizontal="center" vertical="center"/>
    </xf>
    <xf numFmtId="0" fontId="6" fillId="0" borderId="1" xfId="0" applyFont="1" applyBorder="1" applyAlignment="1">
      <alignment horizontal="center" vertical="center"/>
    </xf>
    <xf numFmtId="0" fontId="7" fillId="0" borderId="2" xfId="0" applyFont="1" applyBorder="1" applyAlignment="1">
      <alignment horizontal="center" vertical="center"/>
    </xf>
    <xf numFmtId="0" fontId="8" fillId="0" borderId="3" xfId="0" applyFont="1" applyBorder="1" applyAlignment="1">
      <alignment horizontal="center" vertical="center"/>
    </xf>
    <xf numFmtId="0" fontId="8" fillId="0" borderId="4" xfId="0" applyFont="1" applyBorder="1" applyAlignment="1">
      <alignment horizontal="center" vertical="center"/>
    </xf>
    <xf numFmtId="0" fontId="8" fillId="0" borderId="5" xfId="0" applyFont="1" applyBorder="1" applyAlignment="1">
      <alignment horizontal="center" vertical="center"/>
    </xf>
    <xf numFmtId="0" fontId="7" fillId="0" borderId="3" xfId="0" applyFont="1" applyBorder="1" applyAlignment="1">
      <alignment horizontal="center" vertical="center"/>
    </xf>
    <xf numFmtId="0" fontId="7" fillId="0" borderId="4" xfId="0" applyFont="1" applyBorder="1" applyAlignment="1">
      <alignment horizontal="center" vertical="center"/>
    </xf>
    <xf numFmtId="0" fontId="7" fillId="0" borderId="5" xfId="0" applyFont="1" applyBorder="1" applyAlignment="1">
      <alignment horizontal="center" vertical="center"/>
    </xf>
    <xf numFmtId="0" fontId="6" fillId="0" borderId="1" xfId="0" applyFont="1" applyFill="1" applyBorder="1" applyAlignment="1">
      <alignment horizontal="center" vertical="center"/>
    </xf>
    <xf numFmtId="0" fontId="6" fillId="0" borderId="2" xfId="0" applyFont="1" applyBorder="1" applyAlignment="1">
      <alignment horizontal="center" vertical="center"/>
    </xf>
    <xf numFmtId="0" fontId="6" fillId="0" borderId="4" xfId="0" applyFont="1" applyBorder="1" applyAlignment="1">
      <alignment horizontal="center" vertical="center"/>
    </xf>
  </cellXfs>
  <cellStyles count="89">
    <cellStyle name="ハイパーリンク" xfId="1" builtinId="8" hidden="1"/>
    <cellStyle name="ハイパーリンク" xfId="3" builtinId="8" hidden="1"/>
    <cellStyle name="ハイパーリンク" xfId="5" builtinId="8" hidden="1"/>
    <cellStyle name="ハイパーリンク" xfId="7" builtinId="8" hidden="1"/>
    <cellStyle name="ハイパーリンク" xfId="9" builtinId="8" hidden="1"/>
    <cellStyle name="ハイパーリンク" xfId="11" builtinId="8" hidden="1"/>
    <cellStyle name="ハイパーリンク" xfId="13" builtinId="8" hidden="1"/>
    <cellStyle name="ハイパーリンク" xfId="15" builtinId="8" hidden="1"/>
    <cellStyle name="ハイパーリンク" xfId="17" builtinId="8" hidden="1"/>
    <cellStyle name="ハイパーリンク" xfId="19" builtinId="8" hidden="1"/>
    <cellStyle name="ハイパーリンク" xfId="21" builtinId="8" hidden="1"/>
    <cellStyle name="ハイパーリンク" xfId="23" builtinId="8" hidden="1"/>
    <cellStyle name="ハイパーリンク" xfId="25" builtinId="8" hidden="1"/>
    <cellStyle name="ハイパーリンク" xfId="27" builtinId="8" hidden="1"/>
    <cellStyle name="ハイパーリンク" xfId="29" builtinId="8" hidden="1"/>
    <cellStyle name="ハイパーリンク" xfId="31" builtinId="8" hidden="1"/>
    <cellStyle name="ハイパーリンク" xfId="33" builtinId="8" hidden="1"/>
    <cellStyle name="ハイパーリンク" xfId="35" builtinId="8" hidden="1"/>
    <cellStyle name="ハイパーリンク" xfId="37" builtinId="8" hidden="1"/>
    <cellStyle name="ハイパーリンク" xfId="39" builtinId="8" hidden="1"/>
    <cellStyle name="ハイパーリンク" xfId="41" builtinId="8" hidden="1"/>
    <cellStyle name="ハイパーリンク" xfId="43" builtinId="8" hidden="1"/>
    <cellStyle name="ハイパーリンク" xfId="45" builtinId="8" hidden="1"/>
    <cellStyle name="ハイパーリンク" xfId="47" builtinId="8" hidden="1"/>
    <cellStyle name="ハイパーリンク" xfId="49" builtinId="8" hidden="1"/>
    <cellStyle name="ハイパーリンク" xfId="51" builtinId="8" hidden="1"/>
    <cellStyle name="ハイパーリンク" xfId="53" builtinId="8" hidden="1"/>
    <cellStyle name="ハイパーリンク" xfId="55" builtinId="8" hidden="1"/>
    <cellStyle name="ハイパーリンク" xfId="57" builtinId="8" hidden="1"/>
    <cellStyle name="ハイパーリンク" xfId="59" builtinId="8" hidden="1"/>
    <cellStyle name="ハイパーリンク" xfId="61" builtinId="8" hidden="1"/>
    <cellStyle name="ハイパーリンク" xfId="63" builtinId="8" hidden="1"/>
    <cellStyle name="ハイパーリンク" xfId="65" builtinId="8" hidden="1"/>
    <cellStyle name="ハイパーリンク" xfId="67" builtinId="8" hidden="1"/>
    <cellStyle name="ハイパーリンク" xfId="69" builtinId="8" hidden="1"/>
    <cellStyle name="ハイパーリンク" xfId="71" builtinId="8" hidden="1"/>
    <cellStyle name="ハイパーリンク" xfId="73" builtinId="8" hidden="1"/>
    <cellStyle name="ハイパーリンク" xfId="75" builtinId="8" hidden="1"/>
    <cellStyle name="ハイパーリンク" xfId="77" builtinId="8" hidden="1"/>
    <cellStyle name="ハイパーリンク" xfId="79" builtinId="8" hidden="1"/>
    <cellStyle name="ハイパーリンク" xfId="81" builtinId="8" hidden="1"/>
    <cellStyle name="ハイパーリンク" xfId="83" builtinId="8" hidden="1"/>
    <cellStyle name="ハイパーリンク" xfId="85" builtinId="8" hidden="1"/>
    <cellStyle name="ハイパーリンク" xfId="87" builtinId="8" hidden="1"/>
    <cellStyle name="標準" xfId="0" builtinId="0"/>
    <cellStyle name="表示済みのハイパーリンク" xfId="2" builtinId="9" hidden="1"/>
    <cellStyle name="表示済みのハイパーリンク" xfId="4" builtinId="9" hidden="1"/>
    <cellStyle name="表示済みのハイパーリンク" xfId="6" builtinId="9" hidden="1"/>
    <cellStyle name="表示済みのハイパーリンク" xfId="8" builtinId="9" hidden="1"/>
    <cellStyle name="表示済みのハイパーリンク" xfId="10" builtinId="9" hidden="1"/>
    <cellStyle name="表示済みのハイパーリンク" xfId="12" builtinId="9" hidden="1"/>
    <cellStyle name="表示済みのハイパーリンク" xfId="14" builtinId="9" hidden="1"/>
    <cellStyle name="表示済みのハイパーリンク" xfId="16" builtinId="9" hidden="1"/>
    <cellStyle name="表示済みのハイパーリンク" xfId="18" builtinId="9" hidden="1"/>
    <cellStyle name="表示済みのハイパーリンク" xfId="20" builtinId="9" hidden="1"/>
    <cellStyle name="表示済みのハイパーリンク" xfId="22" builtinId="9" hidden="1"/>
    <cellStyle name="表示済みのハイパーリンク" xfId="24" builtinId="9" hidden="1"/>
    <cellStyle name="表示済みのハイパーリンク" xfId="26" builtinId="9" hidden="1"/>
    <cellStyle name="表示済みのハイパーリンク" xfId="28" builtinId="9" hidden="1"/>
    <cellStyle name="表示済みのハイパーリンク" xfId="30" builtinId="9" hidden="1"/>
    <cellStyle name="表示済みのハイパーリンク" xfId="32" builtinId="9" hidden="1"/>
    <cellStyle name="表示済みのハイパーリンク" xfId="34" builtinId="9" hidden="1"/>
    <cellStyle name="表示済みのハイパーリンク" xfId="36" builtinId="9" hidden="1"/>
    <cellStyle name="表示済みのハイパーリンク" xfId="38" builtinId="9" hidden="1"/>
    <cellStyle name="表示済みのハイパーリンク" xfId="40" builtinId="9" hidden="1"/>
    <cellStyle name="表示済みのハイパーリンク" xfId="42" builtinId="9" hidden="1"/>
    <cellStyle name="表示済みのハイパーリンク" xfId="44" builtinId="9" hidden="1"/>
    <cellStyle name="表示済みのハイパーリンク" xfId="46" builtinId="9" hidden="1"/>
    <cellStyle name="表示済みのハイパーリンク" xfId="48" builtinId="9" hidden="1"/>
    <cellStyle name="表示済みのハイパーリンク" xfId="50" builtinId="9" hidden="1"/>
    <cellStyle name="表示済みのハイパーリンク" xfId="52" builtinId="9" hidden="1"/>
    <cellStyle name="表示済みのハイパーリンク" xfId="54" builtinId="9" hidden="1"/>
    <cellStyle name="表示済みのハイパーリンク" xfId="56" builtinId="9" hidden="1"/>
    <cellStyle name="表示済みのハイパーリンク" xfId="58" builtinId="9" hidden="1"/>
    <cellStyle name="表示済みのハイパーリンク" xfId="60" builtinId="9" hidden="1"/>
    <cellStyle name="表示済みのハイパーリンク" xfId="62" builtinId="9" hidden="1"/>
    <cellStyle name="表示済みのハイパーリンク" xfId="64" builtinId="9" hidden="1"/>
    <cellStyle name="表示済みのハイパーリンク" xfId="66" builtinId="9" hidden="1"/>
    <cellStyle name="表示済みのハイパーリンク" xfId="68" builtinId="9" hidden="1"/>
    <cellStyle name="表示済みのハイパーリンク" xfId="70" builtinId="9" hidden="1"/>
    <cellStyle name="表示済みのハイパーリンク" xfId="72" builtinId="9" hidden="1"/>
    <cellStyle name="表示済みのハイパーリンク" xfId="74" builtinId="9" hidden="1"/>
    <cellStyle name="表示済みのハイパーリンク" xfId="76" builtinId="9" hidden="1"/>
    <cellStyle name="表示済みのハイパーリンク" xfId="78" builtinId="9" hidden="1"/>
    <cellStyle name="表示済みのハイパーリンク" xfId="80" builtinId="9" hidden="1"/>
    <cellStyle name="表示済みのハイパーリンク" xfId="82" builtinId="9" hidden="1"/>
    <cellStyle name="表示済みのハイパーリンク" xfId="84" builtinId="9" hidden="1"/>
    <cellStyle name="表示済みのハイパーリンク" xfId="86" builtinId="9" hidden="1"/>
    <cellStyle name="表示済みのハイパーリンク" xfId="88" builtinId="9" hidden="1"/>
  </cellStyles>
  <dxfs count="13">
    <dxf>
      <fill>
        <patternFill patternType="none">
          <bgColor auto="1"/>
        </patternFill>
      </fill>
    </dxf>
    <dxf>
      <fill>
        <patternFill patternType="none">
          <bgColor auto="1"/>
        </patternFill>
      </fill>
    </dxf>
    <dxf>
      <fill>
        <patternFill patternType="none">
          <bgColor auto="1"/>
        </patternFill>
      </fill>
    </dxf>
    <dxf>
      <fill>
        <patternFill patternType="none">
          <bgColor auto="1"/>
        </patternFill>
      </fill>
    </dxf>
    <dxf>
      <fill>
        <patternFill patternType="none">
          <bgColor auto="1"/>
        </patternFill>
      </fill>
    </dxf>
    <dxf>
      <fill>
        <patternFill patternType="none">
          <bgColor auto="1"/>
        </patternFill>
      </fill>
    </dxf>
    <dxf>
      <fill>
        <patternFill patternType="none">
          <bgColor auto="1"/>
        </patternFill>
      </fill>
    </dxf>
    <dxf>
      <fill>
        <patternFill patternType="none">
          <bgColor auto="1"/>
        </patternFill>
      </fill>
    </dxf>
    <dxf>
      <fill>
        <patternFill patternType="none">
          <bgColor auto="1"/>
        </patternFill>
      </fill>
    </dxf>
    <dxf>
      <fill>
        <patternFill patternType="none">
          <bgColor auto="1"/>
        </patternFill>
      </fill>
    </dxf>
    <dxf>
      <fill>
        <patternFill patternType="none">
          <bgColor auto="1"/>
        </patternFill>
      </fill>
    </dxf>
    <dxf>
      <fill>
        <patternFill patternType="none">
          <bgColor auto="1"/>
        </patternFill>
      </fill>
    </dxf>
    <dxf>
      <fill>
        <patternFill patternType="none">
          <bgColor auto="1"/>
        </patternFill>
      </fill>
    </dxf>
  </dxfs>
  <tableStyles count="0" defaultTableStyle="TableStyleMedium9" defaultPivotStyle="PivotStyleMedium4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worksheet" Target="worksheets/sheet8.xml"/><Relationship Id="rId13" Type="http://schemas.openxmlformats.org/officeDocument/2006/relationships/worksheet" Target="worksheets/sheet13.xml"/><Relationship Id="rId18" Type="http://schemas.openxmlformats.org/officeDocument/2006/relationships/calcChain" Target="calcChain.xml"/><Relationship Id="rId3" Type="http://schemas.openxmlformats.org/officeDocument/2006/relationships/worksheet" Target="worksheets/sheet3.xml"/><Relationship Id="rId7" Type="http://schemas.openxmlformats.org/officeDocument/2006/relationships/worksheet" Target="worksheets/sheet7.xml"/><Relationship Id="rId12" Type="http://schemas.openxmlformats.org/officeDocument/2006/relationships/worksheet" Target="worksheets/sheet12.xml"/><Relationship Id="rId17" Type="http://schemas.openxmlformats.org/officeDocument/2006/relationships/sharedStrings" Target="sharedStrings.xml"/><Relationship Id="rId2" Type="http://schemas.openxmlformats.org/officeDocument/2006/relationships/worksheet" Target="worksheets/sheet2.xml"/><Relationship Id="rId16" Type="http://schemas.openxmlformats.org/officeDocument/2006/relationships/styles" Target="styles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worksheet" Target="worksheets/sheet11.xml"/><Relationship Id="rId5" Type="http://schemas.openxmlformats.org/officeDocument/2006/relationships/worksheet" Target="worksheets/sheet5.xml"/><Relationship Id="rId15" Type="http://schemas.openxmlformats.org/officeDocument/2006/relationships/theme" Target="theme/theme1.xml"/><Relationship Id="rId10" Type="http://schemas.openxmlformats.org/officeDocument/2006/relationships/worksheet" Target="worksheets/sheet10.xml"/><Relationship Id="rId4" Type="http://schemas.openxmlformats.org/officeDocument/2006/relationships/worksheet" Target="worksheets/sheet4.xml"/><Relationship Id="rId9" Type="http://schemas.openxmlformats.org/officeDocument/2006/relationships/worksheet" Target="worksheets/sheet9.xml"/><Relationship Id="rId14" Type="http://schemas.openxmlformats.org/officeDocument/2006/relationships/worksheet" Target="worksheets/sheet14.xml"/></Relationships>
</file>

<file path=xl/drawings/_rels/drawing1.xml.rels><?xml version="1.0" encoding="UTF-8" standalone="yes"?>
<Relationships xmlns="http://schemas.openxmlformats.org/package/2006/relationships"><Relationship Id="rId1" Type="http://schemas.openxmlformats.org/officeDocument/2006/relationships/image" Target="../media/image1.png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7</xdr:col>
      <xdr:colOff>1136072</xdr:colOff>
      <xdr:row>0</xdr:row>
      <xdr:rowOff>166255</xdr:rowOff>
    </xdr:from>
    <xdr:to>
      <xdr:col>8</xdr:col>
      <xdr:colOff>680330</xdr:colOff>
      <xdr:row>4</xdr:row>
      <xdr:rowOff>95081</xdr:rowOff>
    </xdr:to>
    <xdr:pic>
      <xdr:nvPicPr>
        <xdr:cNvPr id="3" name="オブジェクト 2">
          <a:extLst>
            <a:ext uri="{FF2B5EF4-FFF2-40B4-BE49-F238E27FC236}">
              <a16:creationId xmlns:a16="http://schemas.microsoft.com/office/drawing/2014/main" id="{00000000-0008-0000-0500-000005000000}"/>
            </a:ext>
          </a:extLst>
        </xdr:cNvPr>
        <xdr:cNvPicPr>
          <a:picLocks noChangeArrowheads="1"/>
        </xdr:cNvPicPr>
      </xdr:nvPicPr>
      <xdr:blipFill>
        <a:blip xmlns:r="http://schemas.openxmlformats.org/officeDocument/2006/relationships" r:embed="rId1">
          <a:extLst>
            <a:ext uri="{28A0092B-C50C-407E-A947-70E740481C1C}">
              <a14:useLocalDpi xmlns:a14="http://schemas.microsoft.com/office/drawing/2010/main" val="0"/>
            </a:ext>
          </a:extLst>
        </a:blip>
        <a:srcRect t="-1337" b="-1872"/>
        <a:stretch>
          <a:fillRect/>
        </a:stretch>
      </xdr:blipFill>
      <xdr:spPr bwMode="auto">
        <a:xfrm>
          <a:off x="8686799" y="166255"/>
          <a:ext cx="3021749" cy="926353"/>
        </a:xfrm>
        <a:prstGeom prst="rect">
          <a:avLst/>
        </a:prstGeom>
        <a:noFill/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pic>
    <xdr:clientData/>
  </xdr:twoCellAnchor>
  <xdr:twoCellAnchor>
    <xdr:from>
      <xdr:col>6</xdr:col>
      <xdr:colOff>1288472</xdr:colOff>
      <xdr:row>13</xdr:row>
      <xdr:rowOff>304800</xdr:rowOff>
    </xdr:from>
    <xdr:to>
      <xdr:col>7</xdr:col>
      <xdr:colOff>2077231</xdr:colOff>
      <xdr:row>14</xdr:row>
      <xdr:rowOff>276226</xdr:rowOff>
    </xdr:to>
    <xdr:sp macro="" textlink="">
      <xdr:nvSpPr>
        <xdr:cNvPr id="4" name="AutoShape 6">
          <a:extLst>
            <a:ext uri="{FF2B5EF4-FFF2-40B4-BE49-F238E27FC236}">
              <a16:creationId xmlns:a16="http://schemas.microsoft.com/office/drawing/2014/main" id="{00000000-0008-0000-0500-000003000000}"/>
            </a:ext>
          </a:extLst>
        </xdr:cNvPr>
        <xdr:cNvSpPr>
          <a:spLocks noChangeArrowheads="1"/>
        </xdr:cNvSpPr>
      </xdr:nvSpPr>
      <xdr:spPr bwMode="auto">
        <a:xfrm>
          <a:off x="7412181" y="5818909"/>
          <a:ext cx="2215777" cy="608735"/>
        </a:xfrm>
        <a:prstGeom prst="wedgeRectCallout">
          <a:avLst>
            <a:gd name="adj1" fmla="val 46827"/>
            <a:gd name="adj2" fmla="val 194596"/>
          </a:avLst>
        </a:prstGeom>
        <a:solidFill>
          <a:srgbClr val="FFFFFF"/>
        </a:solidFill>
        <a:ln w="9525">
          <a:solidFill>
            <a:srgbClr val="000000"/>
          </a:solidFill>
          <a:miter lim="800000"/>
          <a:headEnd/>
          <a:tailEnd/>
        </a:ln>
      </xdr:spPr>
      <xdr:txBody>
        <a:bodyPr vertOverflow="clip" wrap="square" lIns="74295" tIns="8890" rIns="74295" bIns="8890" anchor="t" upright="1"/>
        <a:lstStyle/>
        <a:p>
          <a:pPr algn="l" rtl="0">
            <a:defRPr sz="1000"/>
          </a:pPr>
          <a:r>
            <a:rPr lang="ja-JP" altLang="en-US" sz="1600" b="1" i="0" u="none" strike="noStrike" baseline="0">
              <a:solidFill>
                <a:srgbClr val="000000"/>
              </a:solidFill>
              <a:latin typeface="HG丸ｺﾞｼｯｸM-PRO"/>
              <a:ea typeface="HG丸ｺﾞｼｯｸM-PRO"/>
            </a:rPr>
            <a:t>セルのプルダウンからお選びください。</a:t>
          </a:r>
        </a:p>
      </xdr:txBody>
    </xdr:sp>
    <xdr:clientData/>
  </xdr:twoCellAnchor>
</xdr:wsDr>
</file>

<file path=xl/theme/theme1.xml><?xml version="1.0" encoding="utf-8"?>
<a:theme xmlns:a="http://schemas.openxmlformats.org/drawingml/2006/main" name="ホワイト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tint val="100000"/>
                <a:shade val="100000"/>
                <a:satMod val="130000"/>
              </a:schemeClr>
            </a:gs>
            <a:gs pos="100000">
              <a:schemeClr val="phClr">
                <a:tint val="50000"/>
                <a:shade val="100000"/>
                <a:satMod val="350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spDef>
      <a:spPr/>
      <a:bodyPr/>
      <a:lstStyle/>
      <a:style>
        <a:lnRef idx="1">
          <a:schemeClr val="accent1"/>
        </a:lnRef>
        <a:fillRef idx="3">
          <a:schemeClr val="accent1"/>
        </a:fillRef>
        <a:effectRef idx="2">
          <a:schemeClr val="accent1"/>
        </a:effectRef>
        <a:fontRef idx="minor">
          <a:schemeClr val="lt1"/>
        </a:fontRef>
      </a:style>
    </a:spDef>
    <a:lnDef>
      <a:spPr/>
      <a:bodyPr/>
      <a:lstStyle/>
      <a:style>
        <a:lnRef idx="2">
          <a:schemeClr val="accent1"/>
        </a:lnRef>
        <a:fillRef idx="0">
          <a:schemeClr val="accent1"/>
        </a:fillRef>
        <a:effectRef idx="1">
          <a:schemeClr val="accent1"/>
        </a:effectRef>
        <a:fontRef idx="minor">
          <a:schemeClr val="tx1"/>
        </a:fontRef>
      </a:style>
    </a:lnDef>
  </a:objectDefaults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1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0.bin"/></Relationships>
</file>

<file path=xl/worksheets/_rels/sheet1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1.bin"/></Relationships>
</file>

<file path=xl/worksheets/_rels/sheet1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2.bin"/></Relationships>
</file>

<file path=xl/worksheets/_rels/sheet13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3.bin"/></Relationships>
</file>

<file path=xl/worksheets/_rels/sheet1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4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.bin"/></Relationships>
</file>

<file path=xl/worksheets/_rels/sheet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.bin"/></Relationships>
</file>

<file path=xl/worksheets/_rels/sheet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.bin"/></Relationships>
</file>

<file path=xl/worksheets/_rels/sheet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9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>
    <pageSetUpPr fitToPage="1"/>
  </sheetPr>
  <dimension ref="B1:R41"/>
  <sheetViews>
    <sheetView tabSelected="1" view="pageBreakPreview" zoomScale="55" zoomScaleNormal="55" zoomScaleSheetLayoutView="55" workbookViewId="0">
      <pane xSplit="1" ySplit="7" topLeftCell="B8" activePane="bottomRight" state="frozen"/>
      <selection pane="topRight" activeCell="B1" sqref="B1"/>
      <selection pane="bottomLeft" activeCell="A8" sqref="A8"/>
      <selection pane="bottomRight" activeCell="I3" sqref="I3"/>
    </sheetView>
  </sheetViews>
  <sheetFormatPr defaultColWidth="13" defaultRowHeight="14.4" x14ac:dyDescent="0.2"/>
  <cols>
    <col min="1" max="1" width="2.69921875" customWidth="1"/>
    <col min="2" max="2" width="10.69921875" customWidth="1"/>
    <col min="3" max="3" width="10.69921875" style="5" customWidth="1"/>
    <col min="4" max="7" width="18.69921875" customWidth="1"/>
    <col min="8" max="8" width="45.69921875" customWidth="1"/>
    <col min="9" max="9" width="12.09765625" customWidth="1"/>
    <col min="10" max="10" width="11.59765625" customWidth="1"/>
    <col min="11" max="11" width="1.59765625" customWidth="1"/>
    <col min="13" max="13" width="3" customWidth="1"/>
  </cols>
  <sheetData>
    <row r="1" spans="2:18" ht="19.95" customHeight="1" x14ac:dyDescent="0.2">
      <c r="B1" s="14">
        <f>年度設定シート!D1</f>
        <v>46113</v>
      </c>
      <c r="C1" s="14"/>
      <c r="D1" s="14"/>
      <c r="E1" s="14"/>
      <c r="F1" s="14"/>
      <c r="G1" s="14"/>
      <c r="H1" s="14"/>
      <c r="I1" s="14"/>
    </row>
    <row r="2" spans="2:18" ht="19.95" customHeight="1" x14ac:dyDescent="0.2">
      <c r="B2" s="14"/>
      <c r="C2" s="14"/>
      <c r="D2" s="14"/>
      <c r="E2" s="14"/>
      <c r="F2" s="14"/>
      <c r="G2" s="14"/>
      <c r="H2" s="14"/>
      <c r="I2" s="14"/>
    </row>
    <row r="3" spans="2:18" ht="19.95" customHeight="1" x14ac:dyDescent="0.2">
      <c r="B3" s="19" t="s">
        <v>6</v>
      </c>
      <c r="C3" s="20"/>
      <c r="D3" s="19"/>
      <c r="E3" s="23"/>
    </row>
    <row r="4" spans="2:18" ht="19.95" customHeight="1" x14ac:dyDescent="0.2">
      <c r="B4" s="21"/>
      <c r="C4" s="22"/>
      <c r="D4" s="24"/>
      <c r="E4" s="25"/>
    </row>
    <row r="5" spans="2:18" ht="15" customHeight="1" x14ac:dyDescent="0.2"/>
    <row r="6" spans="2:18" ht="19.95" customHeight="1" x14ac:dyDescent="0.2">
      <c r="B6" s="17" t="s">
        <v>0</v>
      </c>
      <c r="C6" s="26" t="s">
        <v>1</v>
      </c>
      <c r="D6" s="18" t="s">
        <v>2</v>
      </c>
      <c r="E6" s="18" t="s">
        <v>3</v>
      </c>
      <c r="F6" s="15" t="s">
        <v>7</v>
      </c>
      <c r="G6" s="15" t="s">
        <v>8</v>
      </c>
      <c r="H6" s="27" t="s">
        <v>9</v>
      </c>
      <c r="I6" s="15" t="s">
        <v>5</v>
      </c>
    </row>
    <row r="7" spans="2:18" ht="19.95" customHeight="1" x14ac:dyDescent="0.2">
      <c r="B7" s="18"/>
      <c r="C7" s="26"/>
      <c r="D7" s="18"/>
      <c r="E7" s="18"/>
      <c r="F7" s="16"/>
      <c r="G7" s="16"/>
      <c r="H7" s="28"/>
      <c r="I7" s="16"/>
      <c r="Q7" s="14"/>
      <c r="R7" s="14"/>
    </row>
    <row r="8" spans="2:18" ht="49.95" customHeight="1" x14ac:dyDescent="0.2">
      <c r="B8" s="9">
        <f>B1</f>
        <v>46113</v>
      </c>
      <c r="C8" s="10" t="str">
        <f>TEXT(B8,"aaa")</f>
        <v>水</v>
      </c>
      <c r="D8" s="2"/>
      <c r="E8" s="2"/>
      <c r="F8" s="3"/>
      <c r="G8" s="1"/>
      <c r="H8" s="4"/>
      <c r="I8" s="4"/>
      <c r="Q8" s="14"/>
      <c r="R8" s="14"/>
    </row>
    <row r="9" spans="2:18" ht="49.95" customHeight="1" x14ac:dyDescent="0.2">
      <c r="B9" s="9">
        <f>B8+1</f>
        <v>46114</v>
      </c>
      <c r="C9" s="10" t="str">
        <f t="shared" ref="C9:C37" si="0">TEXT(B9,"aaa")</f>
        <v>木</v>
      </c>
      <c r="D9" s="2"/>
      <c r="E9" s="2"/>
      <c r="F9" s="3"/>
      <c r="G9" s="1"/>
      <c r="H9" s="4"/>
      <c r="I9" s="4"/>
    </row>
    <row r="10" spans="2:18" ht="49.95" customHeight="1" x14ac:dyDescent="0.2">
      <c r="B10" s="9">
        <f t="shared" ref="B10:B37" si="1">B9+1</f>
        <v>46115</v>
      </c>
      <c r="C10" s="10" t="str">
        <f t="shared" si="0"/>
        <v>金</v>
      </c>
      <c r="D10" s="2"/>
      <c r="E10" s="2"/>
      <c r="F10" s="3"/>
      <c r="G10" s="1"/>
      <c r="H10" s="4"/>
      <c r="I10" s="4"/>
    </row>
    <row r="11" spans="2:18" ht="49.95" customHeight="1" x14ac:dyDescent="0.2">
      <c r="B11" s="9">
        <f t="shared" si="1"/>
        <v>46116</v>
      </c>
      <c r="C11" s="10" t="str">
        <f t="shared" si="0"/>
        <v>土</v>
      </c>
      <c r="D11" s="2"/>
      <c r="E11" s="2"/>
      <c r="F11" s="3"/>
      <c r="G11" s="1"/>
      <c r="H11" s="4"/>
      <c r="I11" s="4"/>
    </row>
    <row r="12" spans="2:18" ht="49.95" customHeight="1" x14ac:dyDescent="0.2">
      <c r="B12" s="9">
        <f t="shared" si="1"/>
        <v>46117</v>
      </c>
      <c r="C12" s="10" t="str">
        <f t="shared" si="0"/>
        <v>日</v>
      </c>
      <c r="D12" s="2"/>
      <c r="E12" s="2"/>
      <c r="F12" s="3"/>
      <c r="G12" s="1"/>
      <c r="H12" s="4"/>
      <c r="I12" s="4"/>
    </row>
    <row r="13" spans="2:18" ht="49.95" customHeight="1" x14ac:dyDescent="0.2">
      <c r="B13" s="9">
        <f t="shared" si="1"/>
        <v>46118</v>
      </c>
      <c r="C13" s="10" t="str">
        <f t="shared" si="0"/>
        <v>月</v>
      </c>
      <c r="D13" s="2"/>
      <c r="E13" s="2"/>
      <c r="F13" s="3"/>
      <c r="G13" s="1"/>
      <c r="H13" s="4"/>
      <c r="I13" s="4"/>
    </row>
    <row r="14" spans="2:18" ht="49.95" customHeight="1" x14ac:dyDescent="0.2">
      <c r="B14" s="9">
        <f t="shared" si="1"/>
        <v>46119</v>
      </c>
      <c r="C14" s="10" t="str">
        <f t="shared" si="0"/>
        <v>火</v>
      </c>
      <c r="D14" s="2"/>
      <c r="E14" s="2"/>
      <c r="F14" s="3"/>
      <c r="G14" s="1"/>
      <c r="H14" s="4"/>
      <c r="I14" s="4"/>
    </row>
    <row r="15" spans="2:18" ht="49.95" customHeight="1" x14ac:dyDescent="0.2">
      <c r="B15" s="9">
        <f t="shared" si="1"/>
        <v>46120</v>
      </c>
      <c r="C15" s="10" t="str">
        <f t="shared" si="0"/>
        <v>水</v>
      </c>
      <c r="D15" s="2"/>
      <c r="E15" s="2"/>
      <c r="F15" s="3"/>
      <c r="G15" s="1"/>
      <c r="H15" s="4"/>
      <c r="I15" s="4"/>
    </row>
    <row r="16" spans="2:18" ht="49.95" customHeight="1" x14ac:dyDescent="0.2">
      <c r="B16" s="9">
        <f t="shared" si="1"/>
        <v>46121</v>
      </c>
      <c r="C16" s="10" t="str">
        <f t="shared" si="0"/>
        <v>木</v>
      </c>
      <c r="D16" s="2"/>
      <c r="E16" s="2"/>
      <c r="F16" s="3"/>
      <c r="G16" s="1"/>
      <c r="H16" s="4"/>
      <c r="I16" s="4"/>
    </row>
    <row r="17" spans="2:9" ht="49.95" customHeight="1" x14ac:dyDescent="0.2">
      <c r="B17" s="9">
        <f t="shared" si="1"/>
        <v>46122</v>
      </c>
      <c r="C17" s="10" t="str">
        <f t="shared" si="0"/>
        <v>金</v>
      </c>
      <c r="D17" s="2"/>
      <c r="E17" s="2"/>
      <c r="F17" s="3"/>
      <c r="G17" s="1"/>
      <c r="H17" s="4"/>
      <c r="I17" s="4"/>
    </row>
    <row r="18" spans="2:9" ht="49.95" customHeight="1" x14ac:dyDescent="0.2">
      <c r="B18" s="9">
        <f t="shared" si="1"/>
        <v>46123</v>
      </c>
      <c r="C18" s="10" t="str">
        <f t="shared" si="0"/>
        <v>土</v>
      </c>
      <c r="D18" s="2"/>
      <c r="E18" s="2"/>
      <c r="F18" s="3"/>
      <c r="G18" s="1"/>
      <c r="H18" s="4"/>
      <c r="I18" s="4"/>
    </row>
    <row r="19" spans="2:9" ht="49.95" customHeight="1" x14ac:dyDescent="0.2">
      <c r="B19" s="9">
        <f t="shared" si="1"/>
        <v>46124</v>
      </c>
      <c r="C19" s="10" t="str">
        <f t="shared" si="0"/>
        <v>日</v>
      </c>
      <c r="D19" s="2"/>
      <c r="E19" s="2"/>
      <c r="F19" s="3"/>
      <c r="G19" s="1"/>
      <c r="H19" s="4"/>
      <c r="I19" s="4"/>
    </row>
    <row r="20" spans="2:9" ht="49.95" customHeight="1" x14ac:dyDescent="0.2">
      <c r="B20" s="9">
        <f t="shared" si="1"/>
        <v>46125</v>
      </c>
      <c r="C20" s="10" t="str">
        <f t="shared" si="0"/>
        <v>月</v>
      </c>
      <c r="D20" s="2"/>
      <c r="E20" s="2"/>
      <c r="F20" s="3"/>
      <c r="G20" s="1"/>
      <c r="H20" s="4"/>
      <c r="I20" s="4"/>
    </row>
    <row r="21" spans="2:9" ht="49.95" customHeight="1" x14ac:dyDescent="0.2">
      <c r="B21" s="9">
        <f t="shared" si="1"/>
        <v>46126</v>
      </c>
      <c r="C21" s="10" t="str">
        <f t="shared" si="0"/>
        <v>火</v>
      </c>
      <c r="D21" s="2"/>
      <c r="E21" s="2"/>
      <c r="F21" s="3"/>
      <c r="G21" s="1"/>
      <c r="H21" s="4"/>
      <c r="I21" s="4"/>
    </row>
    <row r="22" spans="2:9" ht="49.95" customHeight="1" x14ac:dyDescent="0.2">
      <c r="B22" s="9">
        <f t="shared" si="1"/>
        <v>46127</v>
      </c>
      <c r="C22" s="10" t="str">
        <f t="shared" si="0"/>
        <v>水</v>
      </c>
      <c r="D22" s="2"/>
      <c r="E22" s="2"/>
      <c r="F22" s="3"/>
      <c r="G22" s="1"/>
      <c r="H22" s="4"/>
      <c r="I22" s="4"/>
    </row>
    <row r="23" spans="2:9" ht="49.95" customHeight="1" x14ac:dyDescent="0.2">
      <c r="B23" s="9">
        <f t="shared" si="1"/>
        <v>46128</v>
      </c>
      <c r="C23" s="10" t="str">
        <f t="shared" si="0"/>
        <v>木</v>
      </c>
      <c r="D23" s="2"/>
      <c r="E23" s="2"/>
      <c r="F23" s="3"/>
      <c r="G23" s="1"/>
      <c r="H23" s="4"/>
      <c r="I23" s="4"/>
    </row>
    <row r="24" spans="2:9" ht="49.95" customHeight="1" x14ac:dyDescent="0.2">
      <c r="B24" s="9">
        <f t="shared" si="1"/>
        <v>46129</v>
      </c>
      <c r="C24" s="10" t="str">
        <f t="shared" si="0"/>
        <v>金</v>
      </c>
      <c r="D24" s="2"/>
      <c r="E24" s="2"/>
      <c r="F24" s="3"/>
      <c r="G24" s="1"/>
      <c r="H24" s="4"/>
      <c r="I24" s="4"/>
    </row>
    <row r="25" spans="2:9" ht="49.95" customHeight="1" x14ac:dyDescent="0.2">
      <c r="B25" s="9">
        <f t="shared" si="1"/>
        <v>46130</v>
      </c>
      <c r="C25" s="10" t="str">
        <f t="shared" si="0"/>
        <v>土</v>
      </c>
      <c r="D25" s="2"/>
      <c r="E25" s="2"/>
      <c r="F25" s="3"/>
      <c r="G25" s="1"/>
      <c r="H25" s="4"/>
      <c r="I25" s="4"/>
    </row>
    <row r="26" spans="2:9" ht="49.95" customHeight="1" x14ac:dyDescent="0.2">
      <c r="B26" s="9">
        <f t="shared" si="1"/>
        <v>46131</v>
      </c>
      <c r="C26" s="10" t="str">
        <f t="shared" si="0"/>
        <v>日</v>
      </c>
      <c r="D26" s="2"/>
      <c r="E26" s="2"/>
      <c r="F26" s="3"/>
      <c r="G26" s="1"/>
      <c r="H26" s="4"/>
      <c r="I26" s="4"/>
    </row>
    <row r="27" spans="2:9" ht="49.95" customHeight="1" x14ac:dyDescent="0.2">
      <c r="B27" s="9">
        <f t="shared" si="1"/>
        <v>46132</v>
      </c>
      <c r="C27" s="10" t="str">
        <f t="shared" si="0"/>
        <v>月</v>
      </c>
      <c r="D27" s="2"/>
      <c r="E27" s="2"/>
      <c r="F27" s="3"/>
      <c r="G27" s="1"/>
      <c r="H27" s="4"/>
      <c r="I27" s="4"/>
    </row>
    <row r="28" spans="2:9" ht="49.95" customHeight="1" x14ac:dyDescent="0.2">
      <c r="B28" s="9">
        <f t="shared" si="1"/>
        <v>46133</v>
      </c>
      <c r="C28" s="10" t="str">
        <f t="shared" si="0"/>
        <v>火</v>
      </c>
      <c r="D28" s="2"/>
      <c r="E28" s="2"/>
      <c r="F28" s="3"/>
      <c r="G28" s="1"/>
      <c r="H28" s="4"/>
      <c r="I28" s="4"/>
    </row>
    <row r="29" spans="2:9" ht="49.95" customHeight="1" x14ac:dyDescent="0.2">
      <c r="B29" s="9">
        <f t="shared" si="1"/>
        <v>46134</v>
      </c>
      <c r="C29" s="10" t="str">
        <f t="shared" si="0"/>
        <v>水</v>
      </c>
      <c r="D29" s="2"/>
      <c r="E29" s="2"/>
      <c r="F29" s="3"/>
      <c r="G29" s="1"/>
      <c r="H29" s="4"/>
      <c r="I29" s="4"/>
    </row>
    <row r="30" spans="2:9" ht="49.95" customHeight="1" x14ac:dyDescent="0.2">
      <c r="B30" s="9">
        <f t="shared" si="1"/>
        <v>46135</v>
      </c>
      <c r="C30" s="10" t="str">
        <f t="shared" si="0"/>
        <v>木</v>
      </c>
      <c r="D30" s="2"/>
      <c r="E30" s="2"/>
      <c r="F30" s="3"/>
      <c r="G30" s="1"/>
      <c r="H30" s="4"/>
      <c r="I30" s="4"/>
    </row>
    <row r="31" spans="2:9" ht="49.95" customHeight="1" x14ac:dyDescent="0.2">
      <c r="B31" s="9">
        <f t="shared" si="1"/>
        <v>46136</v>
      </c>
      <c r="C31" s="10" t="str">
        <f t="shared" si="0"/>
        <v>金</v>
      </c>
      <c r="D31" s="2"/>
      <c r="E31" s="2"/>
      <c r="F31" s="3"/>
      <c r="G31" s="1"/>
      <c r="H31" s="4"/>
      <c r="I31" s="4"/>
    </row>
    <row r="32" spans="2:9" ht="49.95" customHeight="1" x14ac:dyDescent="0.2">
      <c r="B32" s="9">
        <f t="shared" si="1"/>
        <v>46137</v>
      </c>
      <c r="C32" s="10" t="str">
        <f t="shared" si="0"/>
        <v>土</v>
      </c>
      <c r="D32" s="2"/>
      <c r="E32" s="2"/>
      <c r="F32" s="3"/>
      <c r="G32" s="1"/>
      <c r="H32" s="4"/>
      <c r="I32" s="4"/>
    </row>
    <row r="33" spans="2:9" ht="49.95" customHeight="1" x14ac:dyDescent="0.2">
      <c r="B33" s="9">
        <f t="shared" si="1"/>
        <v>46138</v>
      </c>
      <c r="C33" s="10" t="str">
        <f t="shared" si="0"/>
        <v>日</v>
      </c>
      <c r="D33" s="2"/>
      <c r="E33" s="2"/>
      <c r="F33" s="3"/>
      <c r="G33" s="1"/>
      <c r="H33" s="4"/>
      <c r="I33" s="4"/>
    </row>
    <row r="34" spans="2:9" ht="49.95" customHeight="1" x14ac:dyDescent="0.2">
      <c r="B34" s="9">
        <f t="shared" si="1"/>
        <v>46139</v>
      </c>
      <c r="C34" s="10" t="str">
        <f t="shared" si="0"/>
        <v>月</v>
      </c>
      <c r="D34" s="2"/>
      <c r="E34" s="2"/>
      <c r="F34" s="3"/>
      <c r="G34" s="1"/>
      <c r="H34" s="4"/>
      <c r="I34" s="4"/>
    </row>
    <row r="35" spans="2:9" ht="49.95" customHeight="1" x14ac:dyDescent="0.2">
      <c r="B35" s="9">
        <f t="shared" si="1"/>
        <v>46140</v>
      </c>
      <c r="C35" s="10" t="str">
        <f t="shared" si="0"/>
        <v>火</v>
      </c>
      <c r="D35" s="2"/>
      <c r="E35" s="2"/>
      <c r="F35" s="3"/>
      <c r="G35" s="1"/>
      <c r="H35" s="4"/>
      <c r="I35" s="4"/>
    </row>
    <row r="36" spans="2:9" ht="49.95" customHeight="1" x14ac:dyDescent="0.2">
      <c r="B36" s="9">
        <f t="shared" si="1"/>
        <v>46141</v>
      </c>
      <c r="C36" s="10" t="str">
        <f t="shared" si="0"/>
        <v>水</v>
      </c>
      <c r="D36" s="2"/>
      <c r="E36" s="2"/>
      <c r="F36" s="3"/>
      <c r="G36" s="1"/>
      <c r="H36" s="4"/>
      <c r="I36" s="4"/>
    </row>
    <row r="37" spans="2:9" ht="49.95" customHeight="1" x14ac:dyDescent="0.2">
      <c r="B37" s="9">
        <f t="shared" si="1"/>
        <v>46142</v>
      </c>
      <c r="C37" s="10" t="str">
        <f t="shared" si="0"/>
        <v>木</v>
      </c>
      <c r="D37" s="2"/>
      <c r="E37" s="2"/>
      <c r="F37" s="3"/>
      <c r="G37" s="1"/>
      <c r="H37" s="4"/>
      <c r="I37" s="4"/>
    </row>
    <row r="38" spans="2:9" ht="45" customHeight="1" x14ac:dyDescent="0.2">
      <c r="B38" s="17" t="s">
        <v>4</v>
      </c>
      <c r="C38" s="18"/>
      <c r="D38" s="18"/>
      <c r="E38" s="18"/>
      <c r="F38" s="1">
        <f>SUM(F8:F37)</f>
        <v>0</v>
      </c>
      <c r="G38" s="1">
        <f>SUM(G8:G37)</f>
        <v>0</v>
      </c>
      <c r="H38" s="4"/>
      <c r="I38" s="7"/>
    </row>
    <row r="41" spans="2:9" ht="18" customHeight="1" x14ac:dyDescent="0.2"/>
  </sheetData>
  <mergeCells count="13">
    <mergeCell ref="Q7:R8"/>
    <mergeCell ref="B1:I2"/>
    <mergeCell ref="I6:I7"/>
    <mergeCell ref="B38:E38"/>
    <mergeCell ref="B3:C4"/>
    <mergeCell ref="D3:E4"/>
    <mergeCell ref="B6:B7"/>
    <mergeCell ref="C6:C7"/>
    <mergeCell ref="D6:D7"/>
    <mergeCell ref="E6:E7"/>
    <mergeCell ref="F6:F7"/>
    <mergeCell ref="G6:G7"/>
    <mergeCell ref="H6:H7"/>
  </mergeCells>
  <phoneticPr fontId="1"/>
  <conditionalFormatting sqref="D8:F37">
    <cfRule type="expression" dxfId="12" priority="1">
      <formula>ISBLANK(D8)=FALSE</formula>
    </cfRule>
  </conditionalFormatting>
  <dataValidations count="1">
    <dataValidation type="list" allowBlank="1" showInputMessage="1" showErrorMessage="1" sqref="H8:H38" xr:uid="{00000000-0002-0000-0000-000000000000}">
      <formula1>"幼稚園の入口における園児の受け入れ,園児の建物内への誘導,担任教員に対する登園状況の報告"</formula1>
    </dataValidation>
  </dataValidations>
  <printOptions horizontalCentered="1"/>
  <pageMargins left="0.51181102362204722" right="0.51181102362204722" top="0.55118110236220474" bottom="0.55118110236220474" header="0.39370078740157483" footer="0.31496062992125984"/>
  <pageSetup paperSize="9" scale="48" orientation="portrait" r:id="rId1"/>
</worksheet>
</file>

<file path=xl/worksheets/sheet1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900-000000000000}">
  <sheetPr>
    <pageSetUpPr fitToPage="1"/>
  </sheetPr>
  <dimension ref="B1:I42"/>
  <sheetViews>
    <sheetView view="pageBreakPreview" zoomScale="55" zoomScaleNormal="55" zoomScaleSheetLayoutView="55" workbookViewId="0">
      <pane xSplit="1" ySplit="7" topLeftCell="B8" activePane="bottomRight" state="frozen"/>
      <selection pane="topRight" activeCell="B1" sqref="B1"/>
      <selection pane="bottomLeft" activeCell="A8" sqref="A8"/>
      <selection pane="bottomRight" activeCell="I3" sqref="I3"/>
    </sheetView>
  </sheetViews>
  <sheetFormatPr defaultColWidth="13" defaultRowHeight="14.4" x14ac:dyDescent="0.2"/>
  <cols>
    <col min="1" max="1" width="2.69921875" customWidth="1"/>
    <col min="2" max="2" width="10.69921875" customWidth="1"/>
    <col min="3" max="3" width="10.69921875" style="5" customWidth="1"/>
    <col min="4" max="7" width="18.69921875" customWidth="1"/>
    <col min="8" max="8" width="45.69921875" customWidth="1"/>
    <col min="9" max="9" width="12.09765625" customWidth="1"/>
    <col min="10" max="10" width="11.59765625" customWidth="1"/>
    <col min="11" max="11" width="1.59765625" customWidth="1"/>
    <col min="13" max="13" width="3" customWidth="1"/>
  </cols>
  <sheetData>
    <row r="1" spans="2:9" ht="19.95" customHeight="1" x14ac:dyDescent="0.2">
      <c r="B1" s="14">
        <f>年度設定シート!D10</f>
        <v>46388</v>
      </c>
      <c r="C1" s="14"/>
      <c r="D1" s="14"/>
      <c r="E1" s="14"/>
      <c r="F1" s="14"/>
      <c r="G1" s="14"/>
      <c r="H1" s="14"/>
      <c r="I1" s="14"/>
    </row>
    <row r="2" spans="2:9" ht="19.95" customHeight="1" x14ac:dyDescent="0.2">
      <c r="B2" s="14"/>
      <c r="C2" s="14"/>
      <c r="D2" s="14"/>
      <c r="E2" s="14"/>
      <c r="F2" s="14"/>
      <c r="G2" s="14"/>
      <c r="H2" s="14"/>
      <c r="I2" s="14"/>
    </row>
    <row r="3" spans="2:9" ht="19.95" customHeight="1" x14ac:dyDescent="0.2">
      <c r="B3" s="19" t="s">
        <v>6</v>
      </c>
      <c r="C3" s="20"/>
      <c r="D3" s="19"/>
      <c r="E3" s="23"/>
    </row>
    <row r="4" spans="2:9" ht="19.95" customHeight="1" x14ac:dyDescent="0.2">
      <c r="B4" s="21"/>
      <c r="C4" s="22"/>
      <c r="D4" s="24"/>
      <c r="E4" s="25"/>
    </row>
    <row r="5" spans="2:9" ht="15" customHeight="1" x14ac:dyDescent="0.2"/>
    <row r="6" spans="2:9" ht="19.95" customHeight="1" x14ac:dyDescent="0.2">
      <c r="B6" s="17" t="s">
        <v>0</v>
      </c>
      <c r="C6" s="26" t="s">
        <v>1</v>
      </c>
      <c r="D6" s="18" t="s">
        <v>2</v>
      </c>
      <c r="E6" s="18" t="s">
        <v>3</v>
      </c>
      <c r="F6" s="18" t="s">
        <v>7</v>
      </c>
      <c r="G6" s="18" t="s">
        <v>8</v>
      </c>
      <c r="H6" s="18" t="s">
        <v>9</v>
      </c>
      <c r="I6" s="18" t="s">
        <v>5</v>
      </c>
    </row>
    <row r="7" spans="2:9" ht="19.95" customHeight="1" x14ac:dyDescent="0.2">
      <c r="B7" s="18"/>
      <c r="C7" s="26"/>
      <c r="D7" s="18"/>
      <c r="E7" s="18"/>
      <c r="F7" s="18"/>
      <c r="G7" s="18"/>
      <c r="H7" s="18"/>
      <c r="I7" s="18"/>
    </row>
    <row r="8" spans="2:9" ht="49.95" customHeight="1" x14ac:dyDescent="0.2">
      <c r="B8" s="9">
        <f>B1</f>
        <v>46388</v>
      </c>
      <c r="C8" s="10" t="str">
        <f>TEXT(B8,"aaa")</f>
        <v>金</v>
      </c>
      <c r="D8" s="2"/>
      <c r="E8" s="2"/>
      <c r="F8" s="3"/>
      <c r="G8" s="1"/>
      <c r="H8" s="4"/>
      <c r="I8" s="4"/>
    </row>
    <row r="9" spans="2:9" ht="49.95" customHeight="1" x14ac:dyDescent="0.2">
      <c r="B9" s="9">
        <f>B8+1</f>
        <v>46389</v>
      </c>
      <c r="C9" s="10" t="str">
        <f t="shared" ref="C9:C38" si="0">TEXT(B9,"aaa")</f>
        <v>土</v>
      </c>
      <c r="D9" s="2"/>
      <c r="E9" s="2"/>
      <c r="F9" s="3"/>
      <c r="G9" s="1"/>
      <c r="H9" s="4"/>
      <c r="I9" s="4"/>
    </row>
    <row r="10" spans="2:9" ht="49.95" customHeight="1" x14ac:dyDescent="0.2">
      <c r="B10" s="9">
        <f t="shared" ref="B10:B38" si="1">B9+1</f>
        <v>46390</v>
      </c>
      <c r="C10" s="10" t="str">
        <f t="shared" si="0"/>
        <v>日</v>
      </c>
      <c r="D10" s="2"/>
      <c r="E10" s="2"/>
      <c r="F10" s="3"/>
      <c r="G10" s="1"/>
      <c r="H10" s="4"/>
      <c r="I10" s="4"/>
    </row>
    <row r="11" spans="2:9" ht="49.95" customHeight="1" x14ac:dyDescent="0.2">
      <c r="B11" s="9">
        <f t="shared" si="1"/>
        <v>46391</v>
      </c>
      <c r="C11" s="10" t="str">
        <f t="shared" si="0"/>
        <v>月</v>
      </c>
      <c r="D11" s="2"/>
      <c r="E11" s="2"/>
      <c r="F11" s="3"/>
      <c r="G11" s="1"/>
      <c r="H11" s="4"/>
      <c r="I11" s="4"/>
    </row>
    <row r="12" spans="2:9" ht="49.95" customHeight="1" x14ac:dyDescent="0.2">
      <c r="B12" s="9">
        <f t="shared" si="1"/>
        <v>46392</v>
      </c>
      <c r="C12" s="10" t="str">
        <f t="shared" si="0"/>
        <v>火</v>
      </c>
      <c r="D12" s="2"/>
      <c r="E12" s="2"/>
      <c r="F12" s="3"/>
      <c r="G12" s="1"/>
      <c r="H12" s="4"/>
      <c r="I12" s="4"/>
    </row>
    <row r="13" spans="2:9" ht="49.95" customHeight="1" x14ac:dyDescent="0.2">
      <c r="B13" s="9">
        <f t="shared" si="1"/>
        <v>46393</v>
      </c>
      <c r="C13" s="10" t="str">
        <f t="shared" si="0"/>
        <v>水</v>
      </c>
      <c r="D13" s="2"/>
      <c r="E13" s="2"/>
      <c r="F13" s="3"/>
      <c r="G13" s="1"/>
      <c r="H13" s="4"/>
      <c r="I13" s="4"/>
    </row>
    <row r="14" spans="2:9" ht="49.95" customHeight="1" x14ac:dyDescent="0.2">
      <c r="B14" s="9">
        <f t="shared" si="1"/>
        <v>46394</v>
      </c>
      <c r="C14" s="10" t="str">
        <f t="shared" si="0"/>
        <v>木</v>
      </c>
      <c r="D14" s="2"/>
      <c r="E14" s="2"/>
      <c r="F14" s="3"/>
      <c r="G14" s="1"/>
      <c r="H14" s="4"/>
      <c r="I14" s="4"/>
    </row>
    <row r="15" spans="2:9" ht="49.95" customHeight="1" x14ac:dyDescent="0.2">
      <c r="B15" s="9">
        <f t="shared" si="1"/>
        <v>46395</v>
      </c>
      <c r="C15" s="10" t="str">
        <f t="shared" si="0"/>
        <v>金</v>
      </c>
      <c r="D15" s="2"/>
      <c r="E15" s="2"/>
      <c r="F15" s="3"/>
      <c r="G15" s="1"/>
      <c r="H15" s="4"/>
      <c r="I15" s="4"/>
    </row>
    <row r="16" spans="2:9" ht="49.95" customHeight="1" x14ac:dyDescent="0.2">
      <c r="B16" s="9">
        <f t="shared" si="1"/>
        <v>46396</v>
      </c>
      <c r="C16" s="10" t="str">
        <f t="shared" si="0"/>
        <v>土</v>
      </c>
      <c r="D16" s="2"/>
      <c r="E16" s="2"/>
      <c r="F16" s="3"/>
      <c r="G16" s="1"/>
      <c r="H16" s="4"/>
      <c r="I16" s="4"/>
    </row>
    <row r="17" spans="2:9" ht="49.95" customHeight="1" x14ac:dyDescent="0.2">
      <c r="B17" s="9">
        <f t="shared" si="1"/>
        <v>46397</v>
      </c>
      <c r="C17" s="10" t="str">
        <f t="shared" si="0"/>
        <v>日</v>
      </c>
      <c r="D17" s="2"/>
      <c r="E17" s="2"/>
      <c r="F17" s="3"/>
      <c r="G17" s="1"/>
      <c r="H17" s="4"/>
      <c r="I17" s="4"/>
    </row>
    <row r="18" spans="2:9" ht="49.95" customHeight="1" x14ac:dyDescent="0.2">
      <c r="B18" s="9">
        <f t="shared" si="1"/>
        <v>46398</v>
      </c>
      <c r="C18" s="10" t="str">
        <f t="shared" si="0"/>
        <v>月</v>
      </c>
      <c r="D18" s="2"/>
      <c r="E18" s="2"/>
      <c r="F18" s="3"/>
      <c r="G18" s="1"/>
      <c r="H18" s="4"/>
      <c r="I18" s="4"/>
    </row>
    <row r="19" spans="2:9" ht="49.95" customHeight="1" x14ac:dyDescent="0.2">
      <c r="B19" s="9">
        <f t="shared" si="1"/>
        <v>46399</v>
      </c>
      <c r="C19" s="10" t="str">
        <f t="shared" si="0"/>
        <v>火</v>
      </c>
      <c r="D19" s="2"/>
      <c r="E19" s="2"/>
      <c r="F19" s="3"/>
      <c r="G19" s="1"/>
      <c r="H19" s="4"/>
      <c r="I19" s="4"/>
    </row>
    <row r="20" spans="2:9" ht="49.95" customHeight="1" x14ac:dyDescent="0.2">
      <c r="B20" s="9">
        <f t="shared" si="1"/>
        <v>46400</v>
      </c>
      <c r="C20" s="10" t="str">
        <f t="shared" si="0"/>
        <v>水</v>
      </c>
      <c r="D20" s="2"/>
      <c r="E20" s="2"/>
      <c r="F20" s="3"/>
      <c r="G20" s="1"/>
      <c r="H20" s="4"/>
      <c r="I20" s="4"/>
    </row>
    <row r="21" spans="2:9" ht="49.95" customHeight="1" x14ac:dyDescent="0.2">
      <c r="B21" s="9">
        <f t="shared" si="1"/>
        <v>46401</v>
      </c>
      <c r="C21" s="10" t="str">
        <f t="shared" si="0"/>
        <v>木</v>
      </c>
      <c r="D21" s="2"/>
      <c r="E21" s="2"/>
      <c r="F21" s="3"/>
      <c r="G21" s="1"/>
      <c r="H21" s="4"/>
      <c r="I21" s="4"/>
    </row>
    <row r="22" spans="2:9" ht="49.95" customHeight="1" x14ac:dyDescent="0.2">
      <c r="B22" s="9">
        <f t="shared" si="1"/>
        <v>46402</v>
      </c>
      <c r="C22" s="10" t="str">
        <f t="shared" si="0"/>
        <v>金</v>
      </c>
      <c r="D22" s="2"/>
      <c r="E22" s="2"/>
      <c r="F22" s="3"/>
      <c r="G22" s="1"/>
      <c r="H22" s="4"/>
      <c r="I22" s="4"/>
    </row>
    <row r="23" spans="2:9" ht="49.95" customHeight="1" x14ac:dyDescent="0.2">
      <c r="B23" s="9">
        <f t="shared" si="1"/>
        <v>46403</v>
      </c>
      <c r="C23" s="10" t="str">
        <f t="shared" si="0"/>
        <v>土</v>
      </c>
      <c r="D23" s="2"/>
      <c r="E23" s="2"/>
      <c r="F23" s="3"/>
      <c r="G23" s="1"/>
      <c r="H23" s="4"/>
      <c r="I23" s="4"/>
    </row>
    <row r="24" spans="2:9" ht="49.95" customHeight="1" x14ac:dyDescent="0.2">
      <c r="B24" s="9">
        <f t="shared" si="1"/>
        <v>46404</v>
      </c>
      <c r="C24" s="10" t="str">
        <f t="shared" si="0"/>
        <v>日</v>
      </c>
      <c r="D24" s="2"/>
      <c r="E24" s="2"/>
      <c r="F24" s="3"/>
      <c r="G24" s="1"/>
      <c r="H24" s="4"/>
      <c r="I24" s="4"/>
    </row>
    <row r="25" spans="2:9" ht="49.95" customHeight="1" x14ac:dyDescent="0.2">
      <c r="B25" s="9">
        <f t="shared" si="1"/>
        <v>46405</v>
      </c>
      <c r="C25" s="10" t="str">
        <f t="shared" si="0"/>
        <v>月</v>
      </c>
      <c r="D25" s="2"/>
      <c r="E25" s="2"/>
      <c r="F25" s="3"/>
      <c r="G25" s="1"/>
      <c r="H25" s="4"/>
      <c r="I25" s="4"/>
    </row>
    <row r="26" spans="2:9" ht="49.95" customHeight="1" x14ac:dyDescent="0.2">
      <c r="B26" s="9">
        <f t="shared" si="1"/>
        <v>46406</v>
      </c>
      <c r="C26" s="10" t="str">
        <f t="shared" si="0"/>
        <v>火</v>
      </c>
      <c r="D26" s="2"/>
      <c r="E26" s="2"/>
      <c r="F26" s="3"/>
      <c r="G26" s="1"/>
      <c r="H26" s="4"/>
      <c r="I26" s="4"/>
    </row>
    <row r="27" spans="2:9" ht="49.95" customHeight="1" x14ac:dyDescent="0.2">
      <c r="B27" s="9">
        <f t="shared" si="1"/>
        <v>46407</v>
      </c>
      <c r="C27" s="10" t="str">
        <f t="shared" si="0"/>
        <v>水</v>
      </c>
      <c r="D27" s="2"/>
      <c r="E27" s="2"/>
      <c r="F27" s="3"/>
      <c r="G27" s="1"/>
      <c r="H27" s="4"/>
      <c r="I27" s="4"/>
    </row>
    <row r="28" spans="2:9" ht="49.95" customHeight="1" x14ac:dyDescent="0.2">
      <c r="B28" s="9">
        <f t="shared" si="1"/>
        <v>46408</v>
      </c>
      <c r="C28" s="10" t="str">
        <f t="shared" si="0"/>
        <v>木</v>
      </c>
      <c r="D28" s="2"/>
      <c r="E28" s="2"/>
      <c r="F28" s="3"/>
      <c r="G28" s="1"/>
      <c r="H28" s="4"/>
      <c r="I28" s="4"/>
    </row>
    <row r="29" spans="2:9" ht="49.95" customHeight="1" x14ac:dyDescent="0.2">
      <c r="B29" s="9">
        <f t="shared" si="1"/>
        <v>46409</v>
      </c>
      <c r="C29" s="10" t="str">
        <f t="shared" si="0"/>
        <v>金</v>
      </c>
      <c r="D29" s="2"/>
      <c r="E29" s="2"/>
      <c r="F29" s="3"/>
      <c r="G29" s="1"/>
      <c r="H29" s="4"/>
      <c r="I29" s="4"/>
    </row>
    <row r="30" spans="2:9" ht="49.95" customHeight="1" x14ac:dyDescent="0.2">
      <c r="B30" s="9">
        <f t="shared" si="1"/>
        <v>46410</v>
      </c>
      <c r="C30" s="10" t="str">
        <f t="shared" si="0"/>
        <v>土</v>
      </c>
      <c r="D30" s="2"/>
      <c r="E30" s="2"/>
      <c r="F30" s="3"/>
      <c r="G30" s="1"/>
      <c r="H30" s="4"/>
      <c r="I30" s="4"/>
    </row>
    <row r="31" spans="2:9" ht="49.95" customHeight="1" x14ac:dyDescent="0.2">
      <c r="B31" s="9">
        <f t="shared" si="1"/>
        <v>46411</v>
      </c>
      <c r="C31" s="10" t="str">
        <f t="shared" si="0"/>
        <v>日</v>
      </c>
      <c r="D31" s="2"/>
      <c r="E31" s="2"/>
      <c r="F31" s="3"/>
      <c r="G31" s="1"/>
      <c r="H31" s="4"/>
      <c r="I31" s="4"/>
    </row>
    <row r="32" spans="2:9" ht="49.95" customHeight="1" x14ac:dyDescent="0.2">
      <c r="B32" s="9">
        <f t="shared" si="1"/>
        <v>46412</v>
      </c>
      <c r="C32" s="10" t="str">
        <f t="shared" si="0"/>
        <v>月</v>
      </c>
      <c r="D32" s="2"/>
      <c r="E32" s="2"/>
      <c r="F32" s="3"/>
      <c r="G32" s="1"/>
      <c r="H32" s="4"/>
      <c r="I32" s="4"/>
    </row>
    <row r="33" spans="2:9" ht="49.95" customHeight="1" x14ac:dyDescent="0.2">
      <c r="B33" s="9">
        <f t="shared" si="1"/>
        <v>46413</v>
      </c>
      <c r="C33" s="10" t="str">
        <f t="shared" si="0"/>
        <v>火</v>
      </c>
      <c r="D33" s="2"/>
      <c r="E33" s="2"/>
      <c r="F33" s="3"/>
      <c r="G33" s="1"/>
      <c r="H33" s="4"/>
      <c r="I33" s="4"/>
    </row>
    <row r="34" spans="2:9" ht="49.95" customHeight="1" x14ac:dyDescent="0.2">
      <c r="B34" s="9">
        <f t="shared" si="1"/>
        <v>46414</v>
      </c>
      <c r="C34" s="10" t="str">
        <f t="shared" si="0"/>
        <v>水</v>
      </c>
      <c r="D34" s="2"/>
      <c r="E34" s="2"/>
      <c r="F34" s="3"/>
      <c r="G34" s="1"/>
      <c r="H34" s="4"/>
      <c r="I34" s="4"/>
    </row>
    <row r="35" spans="2:9" ht="49.95" customHeight="1" x14ac:dyDescent="0.2">
      <c r="B35" s="9">
        <f t="shared" si="1"/>
        <v>46415</v>
      </c>
      <c r="C35" s="10" t="str">
        <f t="shared" si="0"/>
        <v>木</v>
      </c>
      <c r="D35" s="2"/>
      <c r="E35" s="2"/>
      <c r="F35" s="3"/>
      <c r="G35" s="1"/>
      <c r="H35" s="4"/>
      <c r="I35" s="4"/>
    </row>
    <row r="36" spans="2:9" ht="49.95" customHeight="1" x14ac:dyDescent="0.2">
      <c r="B36" s="9">
        <f t="shared" si="1"/>
        <v>46416</v>
      </c>
      <c r="C36" s="10" t="str">
        <f t="shared" si="0"/>
        <v>金</v>
      </c>
      <c r="D36" s="2"/>
      <c r="E36" s="2"/>
      <c r="F36" s="3"/>
      <c r="G36" s="1"/>
      <c r="H36" s="4"/>
      <c r="I36" s="4"/>
    </row>
    <row r="37" spans="2:9" ht="49.95" customHeight="1" x14ac:dyDescent="0.2">
      <c r="B37" s="9">
        <f t="shared" si="1"/>
        <v>46417</v>
      </c>
      <c r="C37" s="10" t="str">
        <f t="shared" si="0"/>
        <v>土</v>
      </c>
      <c r="D37" s="2"/>
      <c r="E37" s="2"/>
      <c r="F37" s="3"/>
      <c r="G37" s="1"/>
      <c r="H37" s="4"/>
      <c r="I37" s="4"/>
    </row>
    <row r="38" spans="2:9" ht="49.95" customHeight="1" x14ac:dyDescent="0.2">
      <c r="B38" s="9">
        <f t="shared" si="1"/>
        <v>46418</v>
      </c>
      <c r="C38" s="8" t="str">
        <f t="shared" si="0"/>
        <v>日</v>
      </c>
      <c r="D38" s="2"/>
      <c r="E38" s="2"/>
      <c r="F38" s="3"/>
      <c r="G38" s="1"/>
      <c r="H38" s="4"/>
      <c r="I38" s="4"/>
    </row>
    <row r="39" spans="2:9" ht="45" customHeight="1" x14ac:dyDescent="0.2">
      <c r="B39" s="17" t="s">
        <v>4</v>
      </c>
      <c r="C39" s="18"/>
      <c r="D39" s="18"/>
      <c r="E39" s="18"/>
      <c r="F39" s="1">
        <f>SUM(F8:F38)</f>
        <v>0</v>
      </c>
      <c r="G39" s="1">
        <f>SUM(G8:G38)</f>
        <v>0</v>
      </c>
      <c r="H39" s="4"/>
      <c r="I39" s="6"/>
    </row>
    <row r="42" spans="2:9" ht="18" customHeight="1" x14ac:dyDescent="0.2"/>
  </sheetData>
  <mergeCells count="12">
    <mergeCell ref="I6:I7"/>
    <mergeCell ref="B39:E39"/>
    <mergeCell ref="B1:I2"/>
    <mergeCell ref="B3:C4"/>
    <mergeCell ref="D3:E4"/>
    <mergeCell ref="B6:B7"/>
    <mergeCell ref="C6:C7"/>
    <mergeCell ref="D6:D7"/>
    <mergeCell ref="E6:E7"/>
    <mergeCell ref="F6:F7"/>
    <mergeCell ref="G6:G7"/>
    <mergeCell ref="H6:H7"/>
  </mergeCells>
  <phoneticPr fontId="1"/>
  <conditionalFormatting sqref="D8:F38">
    <cfRule type="expression" dxfId="3" priority="1">
      <formula>ISBLANK(D8)=FALSE</formula>
    </cfRule>
  </conditionalFormatting>
  <dataValidations count="1">
    <dataValidation type="list" allowBlank="1" showInputMessage="1" showErrorMessage="1" sqref="H8:H39" xr:uid="{00000000-0002-0000-0900-000000000000}">
      <formula1>"幼稚園の入口における園児の受け入れ,園児の建物内への誘導,担任教員に対する登園状況の報告"</formula1>
    </dataValidation>
  </dataValidations>
  <printOptions horizontalCentered="1"/>
  <pageMargins left="0.51181102362204722" right="0.51181102362204722" top="0.55118110236220474" bottom="0.55118110236220474" header="0.39370078740157483" footer="0.31496062992125984"/>
  <pageSetup paperSize="9" scale="47" orientation="portrait" r:id="rId1"/>
</worksheet>
</file>

<file path=xl/worksheets/sheet1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A00-000000000000}">
  <sheetPr>
    <pageSetUpPr fitToPage="1"/>
  </sheetPr>
  <dimension ref="B1:I40"/>
  <sheetViews>
    <sheetView view="pageBreakPreview" zoomScale="55" zoomScaleNormal="55" zoomScaleSheetLayoutView="55" workbookViewId="0">
      <pane xSplit="1" ySplit="7" topLeftCell="B8" activePane="bottomRight" state="frozen"/>
      <selection pane="topRight" activeCell="B1" sqref="B1"/>
      <selection pane="bottomLeft" activeCell="A8" sqref="A8"/>
      <selection pane="bottomRight" activeCell="I3" sqref="I3"/>
    </sheetView>
  </sheetViews>
  <sheetFormatPr defaultColWidth="13" defaultRowHeight="14.4" x14ac:dyDescent="0.2"/>
  <cols>
    <col min="1" max="1" width="2.69921875" customWidth="1"/>
    <col min="2" max="2" width="10.69921875" customWidth="1"/>
    <col min="3" max="3" width="10.69921875" style="5" customWidth="1"/>
    <col min="4" max="7" width="18.69921875" customWidth="1"/>
    <col min="8" max="8" width="45.69921875" customWidth="1"/>
    <col min="9" max="9" width="12.09765625" customWidth="1"/>
    <col min="10" max="10" width="11.59765625" customWidth="1"/>
    <col min="11" max="11" width="1.59765625" customWidth="1"/>
    <col min="13" max="13" width="3" customWidth="1"/>
  </cols>
  <sheetData>
    <row r="1" spans="2:9" ht="19.95" customHeight="1" x14ac:dyDescent="0.2">
      <c r="B1" s="14">
        <f>年度設定シート!D11</f>
        <v>46419</v>
      </c>
      <c r="C1" s="14"/>
      <c r="D1" s="14"/>
      <c r="E1" s="14"/>
      <c r="F1" s="14"/>
      <c r="G1" s="14"/>
      <c r="H1" s="14"/>
      <c r="I1" s="14"/>
    </row>
    <row r="2" spans="2:9" ht="19.95" customHeight="1" x14ac:dyDescent="0.2">
      <c r="B2" s="14"/>
      <c r="C2" s="14"/>
      <c r="D2" s="14"/>
      <c r="E2" s="14"/>
      <c r="F2" s="14"/>
      <c r="G2" s="14"/>
      <c r="H2" s="14"/>
      <c r="I2" s="14"/>
    </row>
    <row r="3" spans="2:9" ht="19.95" customHeight="1" x14ac:dyDescent="0.2">
      <c r="B3" s="19" t="s">
        <v>6</v>
      </c>
      <c r="C3" s="20"/>
      <c r="D3" s="19"/>
      <c r="E3" s="23"/>
    </row>
    <row r="4" spans="2:9" ht="19.95" customHeight="1" x14ac:dyDescent="0.2">
      <c r="B4" s="21"/>
      <c r="C4" s="22"/>
      <c r="D4" s="24"/>
      <c r="E4" s="25"/>
    </row>
    <row r="5" spans="2:9" ht="15" customHeight="1" x14ac:dyDescent="0.2"/>
    <row r="6" spans="2:9" ht="19.95" customHeight="1" x14ac:dyDescent="0.2">
      <c r="B6" s="17" t="s">
        <v>0</v>
      </c>
      <c r="C6" s="26" t="s">
        <v>1</v>
      </c>
      <c r="D6" s="18" t="s">
        <v>2</v>
      </c>
      <c r="E6" s="18" t="s">
        <v>3</v>
      </c>
      <c r="F6" s="18" t="s">
        <v>7</v>
      </c>
      <c r="G6" s="18" t="s">
        <v>8</v>
      </c>
      <c r="H6" s="18" t="s">
        <v>9</v>
      </c>
      <c r="I6" s="18" t="s">
        <v>5</v>
      </c>
    </row>
    <row r="7" spans="2:9" ht="19.95" customHeight="1" x14ac:dyDescent="0.2">
      <c r="B7" s="18"/>
      <c r="C7" s="26"/>
      <c r="D7" s="18"/>
      <c r="E7" s="18"/>
      <c r="F7" s="18"/>
      <c r="G7" s="18"/>
      <c r="H7" s="18"/>
      <c r="I7" s="18"/>
    </row>
    <row r="8" spans="2:9" ht="49.95" customHeight="1" x14ac:dyDescent="0.2">
      <c r="B8" s="9">
        <f>B1</f>
        <v>46419</v>
      </c>
      <c r="C8" s="10" t="str">
        <f>TEXT(B8,"aaa")</f>
        <v>月</v>
      </c>
      <c r="D8" s="2"/>
      <c r="E8" s="2"/>
      <c r="F8" s="3"/>
      <c r="G8" s="1"/>
      <c r="H8" s="4"/>
      <c r="I8" s="4"/>
    </row>
    <row r="9" spans="2:9" ht="49.95" customHeight="1" x14ac:dyDescent="0.2">
      <c r="B9" s="9">
        <f>B8+1</f>
        <v>46420</v>
      </c>
      <c r="C9" s="10" t="str">
        <f t="shared" ref="C9:C35" si="0">TEXT(B9,"aaa")</f>
        <v>火</v>
      </c>
      <c r="D9" s="2"/>
      <c r="E9" s="2"/>
      <c r="F9" s="3"/>
      <c r="G9" s="1"/>
      <c r="H9" s="4"/>
      <c r="I9" s="4"/>
    </row>
    <row r="10" spans="2:9" ht="49.95" customHeight="1" x14ac:dyDescent="0.2">
      <c r="B10" s="9">
        <f t="shared" ref="B10:B35" si="1">B9+1</f>
        <v>46421</v>
      </c>
      <c r="C10" s="10" t="str">
        <f t="shared" si="0"/>
        <v>水</v>
      </c>
      <c r="D10" s="2"/>
      <c r="E10" s="2"/>
      <c r="F10" s="3"/>
      <c r="G10" s="1"/>
      <c r="H10" s="4"/>
      <c r="I10" s="4"/>
    </row>
    <row r="11" spans="2:9" ht="49.95" customHeight="1" x14ac:dyDescent="0.2">
      <c r="B11" s="9">
        <f t="shared" si="1"/>
        <v>46422</v>
      </c>
      <c r="C11" s="10" t="str">
        <f t="shared" si="0"/>
        <v>木</v>
      </c>
      <c r="D11" s="2"/>
      <c r="E11" s="2"/>
      <c r="F11" s="3"/>
      <c r="G11" s="1"/>
      <c r="H11" s="4"/>
      <c r="I11" s="4"/>
    </row>
    <row r="12" spans="2:9" ht="49.95" customHeight="1" x14ac:dyDescent="0.2">
      <c r="B12" s="9">
        <f t="shared" si="1"/>
        <v>46423</v>
      </c>
      <c r="C12" s="10" t="str">
        <f t="shared" si="0"/>
        <v>金</v>
      </c>
      <c r="D12" s="2"/>
      <c r="E12" s="2"/>
      <c r="F12" s="3"/>
      <c r="G12" s="1"/>
      <c r="H12" s="4"/>
      <c r="I12" s="4"/>
    </row>
    <row r="13" spans="2:9" ht="49.95" customHeight="1" x14ac:dyDescent="0.2">
      <c r="B13" s="9">
        <f t="shared" si="1"/>
        <v>46424</v>
      </c>
      <c r="C13" s="10" t="str">
        <f t="shared" si="0"/>
        <v>土</v>
      </c>
      <c r="D13" s="2"/>
      <c r="E13" s="2"/>
      <c r="F13" s="3"/>
      <c r="G13" s="1"/>
      <c r="H13" s="4"/>
      <c r="I13" s="4"/>
    </row>
    <row r="14" spans="2:9" ht="49.95" customHeight="1" x14ac:dyDescent="0.2">
      <c r="B14" s="9">
        <f t="shared" si="1"/>
        <v>46425</v>
      </c>
      <c r="C14" s="10" t="str">
        <f t="shared" si="0"/>
        <v>日</v>
      </c>
      <c r="D14" s="2"/>
      <c r="E14" s="2"/>
      <c r="F14" s="3"/>
      <c r="G14" s="1"/>
      <c r="H14" s="4"/>
      <c r="I14" s="4"/>
    </row>
    <row r="15" spans="2:9" ht="49.95" customHeight="1" x14ac:dyDescent="0.2">
      <c r="B15" s="9">
        <f t="shared" si="1"/>
        <v>46426</v>
      </c>
      <c r="C15" s="10" t="str">
        <f t="shared" si="0"/>
        <v>月</v>
      </c>
      <c r="D15" s="2"/>
      <c r="E15" s="2"/>
      <c r="F15" s="3"/>
      <c r="G15" s="1"/>
      <c r="H15" s="4"/>
      <c r="I15" s="4"/>
    </row>
    <row r="16" spans="2:9" ht="49.95" customHeight="1" x14ac:dyDescent="0.2">
      <c r="B16" s="9">
        <f t="shared" si="1"/>
        <v>46427</v>
      </c>
      <c r="C16" s="10" t="str">
        <f t="shared" si="0"/>
        <v>火</v>
      </c>
      <c r="D16" s="2"/>
      <c r="E16" s="2"/>
      <c r="F16" s="3"/>
      <c r="G16" s="1"/>
      <c r="H16" s="4"/>
      <c r="I16" s="4"/>
    </row>
    <row r="17" spans="2:9" ht="49.95" customHeight="1" x14ac:dyDescent="0.2">
      <c r="B17" s="9">
        <f t="shared" si="1"/>
        <v>46428</v>
      </c>
      <c r="C17" s="10" t="str">
        <f t="shared" si="0"/>
        <v>水</v>
      </c>
      <c r="D17" s="2"/>
      <c r="E17" s="2"/>
      <c r="F17" s="3"/>
      <c r="G17" s="1"/>
      <c r="H17" s="4"/>
      <c r="I17" s="4"/>
    </row>
    <row r="18" spans="2:9" ht="49.95" customHeight="1" x14ac:dyDescent="0.2">
      <c r="B18" s="9">
        <f t="shared" si="1"/>
        <v>46429</v>
      </c>
      <c r="C18" s="10" t="str">
        <f t="shared" si="0"/>
        <v>木</v>
      </c>
      <c r="D18" s="2"/>
      <c r="E18" s="2"/>
      <c r="F18" s="3"/>
      <c r="G18" s="1"/>
      <c r="H18" s="4"/>
      <c r="I18" s="4"/>
    </row>
    <row r="19" spans="2:9" ht="49.95" customHeight="1" x14ac:dyDescent="0.2">
      <c r="B19" s="9">
        <f t="shared" si="1"/>
        <v>46430</v>
      </c>
      <c r="C19" s="10" t="str">
        <f t="shared" si="0"/>
        <v>金</v>
      </c>
      <c r="D19" s="2"/>
      <c r="E19" s="2"/>
      <c r="F19" s="3"/>
      <c r="G19" s="1"/>
      <c r="H19" s="4"/>
      <c r="I19" s="4"/>
    </row>
    <row r="20" spans="2:9" ht="49.95" customHeight="1" x14ac:dyDescent="0.2">
      <c r="B20" s="9">
        <f t="shared" si="1"/>
        <v>46431</v>
      </c>
      <c r="C20" s="10" t="str">
        <f t="shared" si="0"/>
        <v>土</v>
      </c>
      <c r="D20" s="2"/>
      <c r="E20" s="2"/>
      <c r="F20" s="3"/>
      <c r="G20" s="1"/>
      <c r="H20" s="4"/>
      <c r="I20" s="4"/>
    </row>
    <row r="21" spans="2:9" ht="49.95" customHeight="1" x14ac:dyDescent="0.2">
      <c r="B21" s="9">
        <f t="shared" si="1"/>
        <v>46432</v>
      </c>
      <c r="C21" s="10" t="str">
        <f t="shared" si="0"/>
        <v>日</v>
      </c>
      <c r="D21" s="2"/>
      <c r="E21" s="2"/>
      <c r="F21" s="3"/>
      <c r="G21" s="1"/>
      <c r="H21" s="4"/>
      <c r="I21" s="4"/>
    </row>
    <row r="22" spans="2:9" ht="49.95" customHeight="1" x14ac:dyDescent="0.2">
      <c r="B22" s="9">
        <f t="shared" si="1"/>
        <v>46433</v>
      </c>
      <c r="C22" s="10" t="str">
        <f t="shared" si="0"/>
        <v>月</v>
      </c>
      <c r="D22" s="2"/>
      <c r="E22" s="2"/>
      <c r="F22" s="3"/>
      <c r="G22" s="1"/>
      <c r="H22" s="4"/>
      <c r="I22" s="4"/>
    </row>
    <row r="23" spans="2:9" ht="49.95" customHeight="1" x14ac:dyDescent="0.2">
      <c r="B23" s="9">
        <f t="shared" si="1"/>
        <v>46434</v>
      </c>
      <c r="C23" s="10" t="str">
        <f t="shared" si="0"/>
        <v>火</v>
      </c>
      <c r="D23" s="2"/>
      <c r="E23" s="2"/>
      <c r="F23" s="3"/>
      <c r="G23" s="1"/>
      <c r="H23" s="4"/>
      <c r="I23" s="4"/>
    </row>
    <row r="24" spans="2:9" ht="49.95" customHeight="1" x14ac:dyDescent="0.2">
      <c r="B24" s="9">
        <f t="shared" si="1"/>
        <v>46435</v>
      </c>
      <c r="C24" s="10" t="str">
        <f t="shared" si="0"/>
        <v>水</v>
      </c>
      <c r="D24" s="2"/>
      <c r="E24" s="2"/>
      <c r="F24" s="3"/>
      <c r="G24" s="1"/>
      <c r="H24" s="4"/>
      <c r="I24" s="4"/>
    </row>
    <row r="25" spans="2:9" ht="49.95" customHeight="1" x14ac:dyDescent="0.2">
      <c r="B25" s="9">
        <f t="shared" si="1"/>
        <v>46436</v>
      </c>
      <c r="C25" s="10" t="str">
        <f t="shared" si="0"/>
        <v>木</v>
      </c>
      <c r="D25" s="2"/>
      <c r="E25" s="2"/>
      <c r="F25" s="3"/>
      <c r="G25" s="1"/>
      <c r="H25" s="4"/>
      <c r="I25" s="4"/>
    </row>
    <row r="26" spans="2:9" ht="49.95" customHeight="1" x14ac:dyDescent="0.2">
      <c r="B26" s="9">
        <f t="shared" si="1"/>
        <v>46437</v>
      </c>
      <c r="C26" s="10" t="str">
        <f t="shared" si="0"/>
        <v>金</v>
      </c>
      <c r="D26" s="2"/>
      <c r="E26" s="2"/>
      <c r="F26" s="3"/>
      <c r="G26" s="1"/>
      <c r="H26" s="4"/>
      <c r="I26" s="4"/>
    </row>
    <row r="27" spans="2:9" ht="49.95" customHeight="1" x14ac:dyDescent="0.2">
      <c r="B27" s="9">
        <f t="shared" si="1"/>
        <v>46438</v>
      </c>
      <c r="C27" s="10" t="str">
        <f t="shared" si="0"/>
        <v>土</v>
      </c>
      <c r="D27" s="2"/>
      <c r="E27" s="2"/>
      <c r="F27" s="3"/>
      <c r="G27" s="1"/>
      <c r="H27" s="4"/>
      <c r="I27" s="4"/>
    </row>
    <row r="28" spans="2:9" ht="49.95" customHeight="1" x14ac:dyDescent="0.2">
      <c r="B28" s="9">
        <f t="shared" si="1"/>
        <v>46439</v>
      </c>
      <c r="C28" s="10" t="str">
        <f t="shared" si="0"/>
        <v>日</v>
      </c>
      <c r="D28" s="2"/>
      <c r="E28" s="2"/>
      <c r="F28" s="3"/>
      <c r="G28" s="1"/>
      <c r="H28" s="4"/>
      <c r="I28" s="4"/>
    </row>
    <row r="29" spans="2:9" ht="49.95" customHeight="1" x14ac:dyDescent="0.2">
      <c r="B29" s="9">
        <f t="shared" si="1"/>
        <v>46440</v>
      </c>
      <c r="C29" s="10" t="str">
        <f t="shared" si="0"/>
        <v>月</v>
      </c>
      <c r="D29" s="2"/>
      <c r="E29" s="2"/>
      <c r="F29" s="3"/>
      <c r="G29" s="1"/>
      <c r="H29" s="4"/>
      <c r="I29" s="4"/>
    </row>
    <row r="30" spans="2:9" ht="49.95" customHeight="1" x14ac:dyDescent="0.2">
      <c r="B30" s="9">
        <f t="shared" si="1"/>
        <v>46441</v>
      </c>
      <c r="C30" s="10" t="str">
        <f t="shared" si="0"/>
        <v>火</v>
      </c>
      <c r="D30" s="2"/>
      <c r="E30" s="2"/>
      <c r="F30" s="3"/>
      <c r="G30" s="1"/>
      <c r="H30" s="4"/>
      <c r="I30" s="4"/>
    </row>
    <row r="31" spans="2:9" ht="49.95" customHeight="1" x14ac:dyDescent="0.2">
      <c r="B31" s="9">
        <f t="shared" si="1"/>
        <v>46442</v>
      </c>
      <c r="C31" s="10" t="str">
        <f t="shared" si="0"/>
        <v>水</v>
      </c>
      <c r="D31" s="2"/>
      <c r="E31" s="2"/>
      <c r="F31" s="3"/>
      <c r="G31" s="1"/>
      <c r="H31" s="4"/>
      <c r="I31" s="4"/>
    </row>
    <row r="32" spans="2:9" ht="49.95" customHeight="1" x14ac:dyDescent="0.2">
      <c r="B32" s="9">
        <f t="shared" si="1"/>
        <v>46443</v>
      </c>
      <c r="C32" s="10" t="str">
        <f t="shared" si="0"/>
        <v>木</v>
      </c>
      <c r="D32" s="2"/>
      <c r="E32" s="2"/>
      <c r="F32" s="3"/>
      <c r="G32" s="1"/>
      <c r="H32" s="4"/>
      <c r="I32" s="4"/>
    </row>
    <row r="33" spans="2:9" ht="49.95" customHeight="1" x14ac:dyDescent="0.2">
      <c r="B33" s="9">
        <f t="shared" si="1"/>
        <v>46444</v>
      </c>
      <c r="C33" s="10" t="str">
        <f t="shared" si="0"/>
        <v>金</v>
      </c>
      <c r="D33" s="2"/>
      <c r="E33" s="2"/>
      <c r="F33" s="3"/>
      <c r="G33" s="1"/>
      <c r="H33" s="4"/>
      <c r="I33" s="4"/>
    </row>
    <row r="34" spans="2:9" ht="49.95" customHeight="1" x14ac:dyDescent="0.2">
      <c r="B34" s="9">
        <f t="shared" si="1"/>
        <v>46445</v>
      </c>
      <c r="C34" s="10" t="str">
        <f t="shared" si="0"/>
        <v>土</v>
      </c>
      <c r="D34" s="2"/>
      <c r="E34" s="2"/>
      <c r="F34" s="3"/>
      <c r="G34" s="1"/>
      <c r="H34" s="4"/>
      <c r="I34" s="4"/>
    </row>
    <row r="35" spans="2:9" ht="49.95" customHeight="1" x14ac:dyDescent="0.2">
      <c r="B35" s="9">
        <f t="shared" si="1"/>
        <v>46446</v>
      </c>
      <c r="C35" s="10" t="str">
        <f t="shared" si="0"/>
        <v>日</v>
      </c>
      <c r="D35" s="2"/>
      <c r="E35" s="2"/>
      <c r="F35" s="3"/>
      <c r="G35" s="1"/>
      <c r="H35" s="4"/>
      <c r="I35" s="4"/>
    </row>
    <row r="36" spans="2:9" ht="49.95" customHeight="1" x14ac:dyDescent="0.2">
      <c r="B36" s="17" t="s">
        <v>4</v>
      </c>
      <c r="C36" s="18"/>
      <c r="D36" s="18"/>
      <c r="E36" s="18"/>
      <c r="F36" s="1">
        <f>SUM(F8:F35)</f>
        <v>0</v>
      </c>
      <c r="G36" s="1">
        <f>SUM(G8:G35)</f>
        <v>0</v>
      </c>
      <c r="H36" s="4"/>
      <c r="I36" s="6"/>
    </row>
    <row r="37" spans="2:9" ht="45" customHeight="1" x14ac:dyDescent="0.2">
      <c r="C37"/>
    </row>
    <row r="38" spans="2:9" x14ac:dyDescent="0.2">
      <c r="C38"/>
    </row>
    <row r="40" spans="2:9" ht="18" customHeight="1" x14ac:dyDescent="0.2"/>
  </sheetData>
  <mergeCells count="12">
    <mergeCell ref="B36:E36"/>
    <mergeCell ref="I6:I7"/>
    <mergeCell ref="B1:I2"/>
    <mergeCell ref="B3:C4"/>
    <mergeCell ref="D3:E4"/>
    <mergeCell ref="B6:B7"/>
    <mergeCell ref="C6:C7"/>
    <mergeCell ref="D6:D7"/>
    <mergeCell ref="E6:E7"/>
    <mergeCell ref="F6:F7"/>
    <mergeCell ref="G6:G7"/>
    <mergeCell ref="H6:H7"/>
  </mergeCells>
  <phoneticPr fontId="1"/>
  <conditionalFormatting sqref="D8:F35">
    <cfRule type="expression" dxfId="2" priority="1">
      <formula>ISBLANK(D8)=FALSE</formula>
    </cfRule>
  </conditionalFormatting>
  <dataValidations count="1">
    <dataValidation type="list" allowBlank="1" showInputMessage="1" showErrorMessage="1" sqref="H8:H36" xr:uid="{00000000-0002-0000-0A00-000000000000}">
      <formula1>"幼稚園の入口における園児の受け入れ,園児の建物内への誘導,担任教員に対する登園状況の報告"</formula1>
    </dataValidation>
  </dataValidations>
  <printOptions horizontalCentered="1"/>
  <pageMargins left="0.51181102362204722" right="0.51181102362204722" top="0.55118110236220474" bottom="0.55118110236220474" header="0.39370078740157483" footer="0.31496062992125984"/>
  <pageSetup paperSize="9" scale="51" orientation="portrait" r:id="rId1"/>
</worksheet>
</file>

<file path=xl/worksheets/sheet1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B00-000000000000}">
  <sheetPr>
    <pageSetUpPr fitToPage="1"/>
  </sheetPr>
  <dimension ref="B1:I42"/>
  <sheetViews>
    <sheetView view="pageBreakPreview" zoomScale="55" zoomScaleNormal="55" zoomScaleSheetLayoutView="55" workbookViewId="0">
      <pane xSplit="1" ySplit="7" topLeftCell="B8" activePane="bottomRight" state="frozen"/>
      <selection pane="topRight" activeCell="B1" sqref="B1"/>
      <selection pane="bottomLeft" activeCell="A8" sqref="A8"/>
      <selection pane="bottomRight" activeCell="I3" sqref="I3"/>
    </sheetView>
  </sheetViews>
  <sheetFormatPr defaultColWidth="13" defaultRowHeight="14.4" x14ac:dyDescent="0.2"/>
  <cols>
    <col min="1" max="1" width="2.69921875" customWidth="1"/>
    <col min="2" max="2" width="10.69921875" customWidth="1"/>
    <col min="3" max="3" width="10.69921875" style="5" customWidth="1"/>
    <col min="4" max="7" width="18.69921875" customWidth="1"/>
    <col min="8" max="8" width="45.69921875" customWidth="1"/>
    <col min="9" max="9" width="12.09765625" customWidth="1"/>
    <col min="10" max="10" width="11.59765625" customWidth="1"/>
    <col min="11" max="11" width="1.59765625" customWidth="1"/>
    <col min="13" max="13" width="3" customWidth="1"/>
  </cols>
  <sheetData>
    <row r="1" spans="2:9" ht="19.95" customHeight="1" x14ac:dyDescent="0.2">
      <c r="B1" s="14">
        <f>年度設定シート!D12</f>
        <v>46447</v>
      </c>
      <c r="C1" s="14"/>
      <c r="D1" s="14"/>
      <c r="E1" s="14"/>
      <c r="F1" s="14"/>
      <c r="G1" s="14"/>
      <c r="H1" s="14"/>
      <c r="I1" s="14"/>
    </row>
    <row r="2" spans="2:9" ht="19.95" customHeight="1" x14ac:dyDescent="0.2">
      <c r="B2" s="14"/>
      <c r="C2" s="14"/>
      <c r="D2" s="14"/>
      <c r="E2" s="14"/>
      <c r="F2" s="14"/>
      <c r="G2" s="14"/>
      <c r="H2" s="14"/>
      <c r="I2" s="14"/>
    </row>
    <row r="3" spans="2:9" ht="19.95" customHeight="1" x14ac:dyDescent="0.2">
      <c r="B3" s="19" t="s">
        <v>6</v>
      </c>
      <c r="C3" s="20"/>
      <c r="D3" s="19"/>
      <c r="E3" s="23"/>
    </row>
    <row r="4" spans="2:9" ht="19.95" customHeight="1" x14ac:dyDescent="0.2">
      <c r="B4" s="21"/>
      <c r="C4" s="22"/>
      <c r="D4" s="24"/>
      <c r="E4" s="25"/>
    </row>
    <row r="5" spans="2:9" ht="15" customHeight="1" x14ac:dyDescent="0.2"/>
    <row r="6" spans="2:9" ht="19.95" customHeight="1" x14ac:dyDescent="0.2">
      <c r="B6" s="17" t="s">
        <v>0</v>
      </c>
      <c r="C6" s="26" t="s">
        <v>1</v>
      </c>
      <c r="D6" s="18" t="s">
        <v>2</v>
      </c>
      <c r="E6" s="18" t="s">
        <v>3</v>
      </c>
      <c r="F6" s="18" t="s">
        <v>7</v>
      </c>
      <c r="G6" s="18" t="s">
        <v>8</v>
      </c>
      <c r="H6" s="18" t="s">
        <v>9</v>
      </c>
      <c r="I6" s="18" t="s">
        <v>5</v>
      </c>
    </row>
    <row r="7" spans="2:9" ht="19.95" customHeight="1" x14ac:dyDescent="0.2">
      <c r="B7" s="18"/>
      <c r="C7" s="26"/>
      <c r="D7" s="18"/>
      <c r="E7" s="18"/>
      <c r="F7" s="18"/>
      <c r="G7" s="18"/>
      <c r="H7" s="18"/>
      <c r="I7" s="18"/>
    </row>
    <row r="8" spans="2:9" ht="49.95" customHeight="1" x14ac:dyDescent="0.2">
      <c r="B8" s="9">
        <f>B1</f>
        <v>46447</v>
      </c>
      <c r="C8" s="10" t="str">
        <f>TEXT(B8,"aaa")</f>
        <v>月</v>
      </c>
      <c r="D8" s="2"/>
      <c r="E8" s="2"/>
      <c r="F8" s="3"/>
      <c r="G8" s="1"/>
      <c r="H8" s="4"/>
      <c r="I8" s="4"/>
    </row>
    <row r="9" spans="2:9" ht="49.95" customHeight="1" x14ac:dyDescent="0.2">
      <c r="B9" s="9">
        <f>B8+1</f>
        <v>46448</v>
      </c>
      <c r="C9" s="10" t="str">
        <f t="shared" ref="C9:C38" si="0">TEXT(B9,"aaa")</f>
        <v>火</v>
      </c>
      <c r="D9" s="2"/>
      <c r="E9" s="2"/>
      <c r="F9" s="3"/>
      <c r="G9" s="1"/>
      <c r="H9" s="4"/>
      <c r="I9" s="4"/>
    </row>
    <row r="10" spans="2:9" ht="49.95" customHeight="1" x14ac:dyDescent="0.2">
      <c r="B10" s="9">
        <f t="shared" ref="B10:B38" si="1">B9+1</f>
        <v>46449</v>
      </c>
      <c r="C10" s="10" t="str">
        <f t="shared" si="0"/>
        <v>水</v>
      </c>
      <c r="D10" s="2"/>
      <c r="E10" s="2"/>
      <c r="F10" s="3"/>
      <c r="G10" s="1"/>
      <c r="H10" s="4"/>
      <c r="I10" s="4"/>
    </row>
    <row r="11" spans="2:9" ht="49.95" customHeight="1" x14ac:dyDescent="0.2">
      <c r="B11" s="9">
        <f t="shared" si="1"/>
        <v>46450</v>
      </c>
      <c r="C11" s="10" t="str">
        <f t="shared" si="0"/>
        <v>木</v>
      </c>
      <c r="D11" s="2"/>
      <c r="E11" s="2"/>
      <c r="F11" s="3"/>
      <c r="G11" s="1"/>
      <c r="H11" s="4"/>
      <c r="I11" s="4"/>
    </row>
    <row r="12" spans="2:9" ht="49.95" customHeight="1" x14ac:dyDescent="0.2">
      <c r="B12" s="9">
        <f t="shared" si="1"/>
        <v>46451</v>
      </c>
      <c r="C12" s="10" t="str">
        <f t="shared" si="0"/>
        <v>金</v>
      </c>
      <c r="D12" s="2"/>
      <c r="E12" s="2"/>
      <c r="F12" s="3"/>
      <c r="G12" s="1"/>
      <c r="H12" s="4"/>
      <c r="I12" s="4"/>
    </row>
    <row r="13" spans="2:9" ht="49.95" customHeight="1" x14ac:dyDescent="0.2">
      <c r="B13" s="9">
        <f t="shared" si="1"/>
        <v>46452</v>
      </c>
      <c r="C13" s="10" t="str">
        <f t="shared" si="0"/>
        <v>土</v>
      </c>
      <c r="D13" s="2"/>
      <c r="E13" s="2"/>
      <c r="F13" s="3"/>
      <c r="G13" s="1"/>
      <c r="H13" s="4"/>
      <c r="I13" s="4"/>
    </row>
    <row r="14" spans="2:9" ht="49.95" customHeight="1" x14ac:dyDescent="0.2">
      <c r="B14" s="9">
        <f t="shared" si="1"/>
        <v>46453</v>
      </c>
      <c r="C14" s="10" t="str">
        <f t="shared" si="0"/>
        <v>日</v>
      </c>
      <c r="D14" s="2"/>
      <c r="E14" s="2"/>
      <c r="F14" s="3"/>
      <c r="G14" s="1"/>
      <c r="H14" s="4"/>
      <c r="I14" s="4"/>
    </row>
    <row r="15" spans="2:9" ht="49.95" customHeight="1" x14ac:dyDescent="0.2">
      <c r="B15" s="9">
        <f t="shared" si="1"/>
        <v>46454</v>
      </c>
      <c r="C15" s="10" t="str">
        <f t="shared" si="0"/>
        <v>月</v>
      </c>
      <c r="D15" s="2"/>
      <c r="E15" s="2"/>
      <c r="F15" s="3"/>
      <c r="G15" s="1"/>
      <c r="H15" s="4"/>
      <c r="I15" s="4"/>
    </row>
    <row r="16" spans="2:9" ht="49.95" customHeight="1" x14ac:dyDescent="0.2">
      <c r="B16" s="9">
        <f t="shared" si="1"/>
        <v>46455</v>
      </c>
      <c r="C16" s="10" t="str">
        <f t="shared" si="0"/>
        <v>火</v>
      </c>
      <c r="D16" s="2"/>
      <c r="E16" s="2"/>
      <c r="F16" s="3"/>
      <c r="G16" s="1"/>
      <c r="H16" s="4"/>
      <c r="I16" s="4"/>
    </row>
    <row r="17" spans="2:9" ht="49.95" customHeight="1" x14ac:dyDescent="0.2">
      <c r="B17" s="9">
        <f t="shared" si="1"/>
        <v>46456</v>
      </c>
      <c r="C17" s="10" t="str">
        <f t="shared" si="0"/>
        <v>水</v>
      </c>
      <c r="D17" s="2"/>
      <c r="E17" s="2"/>
      <c r="F17" s="3"/>
      <c r="G17" s="1"/>
      <c r="H17" s="4"/>
      <c r="I17" s="4"/>
    </row>
    <row r="18" spans="2:9" ht="49.95" customHeight="1" x14ac:dyDescent="0.2">
      <c r="B18" s="9">
        <f t="shared" si="1"/>
        <v>46457</v>
      </c>
      <c r="C18" s="10" t="str">
        <f t="shared" si="0"/>
        <v>木</v>
      </c>
      <c r="D18" s="2"/>
      <c r="E18" s="2"/>
      <c r="F18" s="3"/>
      <c r="G18" s="1"/>
      <c r="H18" s="4"/>
      <c r="I18" s="4"/>
    </row>
    <row r="19" spans="2:9" ht="49.95" customHeight="1" x14ac:dyDescent="0.2">
      <c r="B19" s="9">
        <f t="shared" si="1"/>
        <v>46458</v>
      </c>
      <c r="C19" s="10" t="str">
        <f t="shared" si="0"/>
        <v>金</v>
      </c>
      <c r="D19" s="2"/>
      <c r="E19" s="2"/>
      <c r="F19" s="3"/>
      <c r="G19" s="1"/>
      <c r="H19" s="4"/>
      <c r="I19" s="4"/>
    </row>
    <row r="20" spans="2:9" ht="49.95" customHeight="1" x14ac:dyDescent="0.2">
      <c r="B20" s="9">
        <f t="shared" si="1"/>
        <v>46459</v>
      </c>
      <c r="C20" s="10" t="str">
        <f t="shared" si="0"/>
        <v>土</v>
      </c>
      <c r="D20" s="2"/>
      <c r="E20" s="2"/>
      <c r="F20" s="3"/>
      <c r="G20" s="1"/>
      <c r="H20" s="4"/>
      <c r="I20" s="4"/>
    </row>
    <row r="21" spans="2:9" ht="49.95" customHeight="1" x14ac:dyDescent="0.2">
      <c r="B21" s="9">
        <f t="shared" si="1"/>
        <v>46460</v>
      </c>
      <c r="C21" s="10" t="str">
        <f t="shared" si="0"/>
        <v>日</v>
      </c>
      <c r="D21" s="2"/>
      <c r="E21" s="2"/>
      <c r="F21" s="3"/>
      <c r="G21" s="1"/>
      <c r="H21" s="4"/>
      <c r="I21" s="4"/>
    </row>
    <row r="22" spans="2:9" ht="49.95" customHeight="1" x14ac:dyDescent="0.2">
      <c r="B22" s="9">
        <f t="shared" si="1"/>
        <v>46461</v>
      </c>
      <c r="C22" s="10" t="str">
        <f t="shared" si="0"/>
        <v>月</v>
      </c>
      <c r="D22" s="2"/>
      <c r="E22" s="2"/>
      <c r="F22" s="3"/>
      <c r="G22" s="1"/>
      <c r="H22" s="4"/>
      <c r="I22" s="4"/>
    </row>
    <row r="23" spans="2:9" ht="49.95" customHeight="1" x14ac:dyDescent="0.2">
      <c r="B23" s="9">
        <f t="shared" si="1"/>
        <v>46462</v>
      </c>
      <c r="C23" s="10" t="str">
        <f t="shared" si="0"/>
        <v>火</v>
      </c>
      <c r="D23" s="2"/>
      <c r="E23" s="2"/>
      <c r="F23" s="3"/>
      <c r="G23" s="1"/>
      <c r="H23" s="4"/>
      <c r="I23" s="4"/>
    </row>
    <row r="24" spans="2:9" ht="49.95" customHeight="1" x14ac:dyDescent="0.2">
      <c r="B24" s="9">
        <f t="shared" si="1"/>
        <v>46463</v>
      </c>
      <c r="C24" s="10" t="str">
        <f t="shared" si="0"/>
        <v>水</v>
      </c>
      <c r="D24" s="2"/>
      <c r="E24" s="2"/>
      <c r="F24" s="3"/>
      <c r="G24" s="1"/>
      <c r="H24" s="4"/>
      <c r="I24" s="4"/>
    </row>
    <row r="25" spans="2:9" ht="49.95" customHeight="1" x14ac:dyDescent="0.2">
      <c r="B25" s="9">
        <f t="shared" si="1"/>
        <v>46464</v>
      </c>
      <c r="C25" s="10" t="str">
        <f t="shared" si="0"/>
        <v>木</v>
      </c>
      <c r="D25" s="2"/>
      <c r="E25" s="2"/>
      <c r="F25" s="3"/>
      <c r="G25" s="1"/>
      <c r="H25" s="4"/>
      <c r="I25" s="4"/>
    </row>
    <row r="26" spans="2:9" ht="49.95" customHeight="1" x14ac:dyDescent="0.2">
      <c r="B26" s="9">
        <f t="shared" si="1"/>
        <v>46465</v>
      </c>
      <c r="C26" s="10" t="str">
        <f t="shared" si="0"/>
        <v>金</v>
      </c>
      <c r="D26" s="2"/>
      <c r="E26" s="2"/>
      <c r="F26" s="3"/>
      <c r="G26" s="1"/>
      <c r="H26" s="4"/>
      <c r="I26" s="4"/>
    </row>
    <row r="27" spans="2:9" ht="49.95" customHeight="1" x14ac:dyDescent="0.2">
      <c r="B27" s="9">
        <f t="shared" si="1"/>
        <v>46466</v>
      </c>
      <c r="C27" s="10" t="str">
        <f t="shared" si="0"/>
        <v>土</v>
      </c>
      <c r="D27" s="2"/>
      <c r="E27" s="2"/>
      <c r="F27" s="3"/>
      <c r="G27" s="1"/>
      <c r="H27" s="4"/>
      <c r="I27" s="4"/>
    </row>
    <row r="28" spans="2:9" ht="49.95" customHeight="1" x14ac:dyDescent="0.2">
      <c r="B28" s="9">
        <f t="shared" si="1"/>
        <v>46467</v>
      </c>
      <c r="C28" s="10" t="str">
        <f t="shared" si="0"/>
        <v>日</v>
      </c>
      <c r="D28" s="2"/>
      <c r="E28" s="2"/>
      <c r="F28" s="3"/>
      <c r="G28" s="1"/>
      <c r="H28" s="4"/>
      <c r="I28" s="4"/>
    </row>
    <row r="29" spans="2:9" ht="49.95" customHeight="1" x14ac:dyDescent="0.2">
      <c r="B29" s="9">
        <f t="shared" si="1"/>
        <v>46468</v>
      </c>
      <c r="C29" s="10" t="str">
        <f t="shared" si="0"/>
        <v>月</v>
      </c>
      <c r="D29" s="2"/>
      <c r="E29" s="2"/>
      <c r="F29" s="3"/>
      <c r="G29" s="1"/>
      <c r="H29" s="4"/>
      <c r="I29" s="4"/>
    </row>
    <row r="30" spans="2:9" ht="49.95" customHeight="1" x14ac:dyDescent="0.2">
      <c r="B30" s="9">
        <f t="shared" si="1"/>
        <v>46469</v>
      </c>
      <c r="C30" s="10" t="str">
        <f t="shared" si="0"/>
        <v>火</v>
      </c>
      <c r="D30" s="2"/>
      <c r="E30" s="2"/>
      <c r="F30" s="3"/>
      <c r="G30" s="1"/>
      <c r="H30" s="4"/>
      <c r="I30" s="4"/>
    </row>
    <row r="31" spans="2:9" ht="49.95" customHeight="1" x14ac:dyDescent="0.2">
      <c r="B31" s="9">
        <f t="shared" si="1"/>
        <v>46470</v>
      </c>
      <c r="C31" s="10" t="str">
        <f t="shared" si="0"/>
        <v>水</v>
      </c>
      <c r="D31" s="2"/>
      <c r="E31" s="2"/>
      <c r="F31" s="3"/>
      <c r="G31" s="1"/>
      <c r="H31" s="4"/>
      <c r="I31" s="4"/>
    </row>
    <row r="32" spans="2:9" ht="49.95" customHeight="1" x14ac:dyDescent="0.2">
      <c r="B32" s="9">
        <f t="shared" si="1"/>
        <v>46471</v>
      </c>
      <c r="C32" s="10" t="str">
        <f t="shared" si="0"/>
        <v>木</v>
      </c>
      <c r="D32" s="2"/>
      <c r="E32" s="2"/>
      <c r="F32" s="3"/>
      <c r="G32" s="1"/>
      <c r="H32" s="4"/>
      <c r="I32" s="4"/>
    </row>
    <row r="33" spans="2:9" ht="49.95" customHeight="1" x14ac:dyDescent="0.2">
      <c r="B33" s="9">
        <f t="shared" si="1"/>
        <v>46472</v>
      </c>
      <c r="C33" s="10" t="str">
        <f t="shared" si="0"/>
        <v>金</v>
      </c>
      <c r="D33" s="2"/>
      <c r="E33" s="2"/>
      <c r="F33" s="3"/>
      <c r="G33" s="1"/>
      <c r="H33" s="4"/>
      <c r="I33" s="4"/>
    </row>
    <row r="34" spans="2:9" ht="49.95" customHeight="1" x14ac:dyDescent="0.2">
      <c r="B34" s="9">
        <f t="shared" si="1"/>
        <v>46473</v>
      </c>
      <c r="C34" s="10" t="str">
        <f t="shared" si="0"/>
        <v>土</v>
      </c>
      <c r="D34" s="2"/>
      <c r="E34" s="2"/>
      <c r="F34" s="3"/>
      <c r="G34" s="1"/>
      <c r="H34" s="4"/>
      <c r="I34" s="4"/>
    </row>
    <row r="35" spans="2:9" ht="49.95" customHeight="1" x14ac:dyDescent="0.2">
      <c r="B35" s="9">
        <f t="shared" si="1"/>
        <v>46474</v>
      </c>
      <c r="C35" s="10" t="str">
        <f t="shared" si="0"/>
        <v>日</v>
      </c>
      <c r="D35" s="2"/>
      <c r="E35" s="2"/>
      <c r="F35" s="3"/>
      <c r="G35" s="1"/>
      <c r="H35" s="4"/>
      <c r="I35" s="4"/>
    </row>
    <row r="36" spans="2:9" ht="49.95" customHeight="1" x14ac:dyDescent="0.2">
      <c r="B36" s="9">
        <f t="shared" si="1"/>
        <v>46475</v>
      </c>
      <c r="C36" s="10" t="str">
        <f t="shared" si="0"/>
        <v>月</v>
      </c>
      <c r="D36" s="2"/>
      <c r="E36" s="2"/>
      <c r="F36" s="3"/>
      <c r="G36" s="1"/>
      <c r="H36" s="4"/>
      <c r="I36" s="4"/>
    </row>
    <row r="37" spans="2:9" ht="49.95" customHeight="1" x14ac:dyDescent="0.2">
      <c r="B37" s="9">
        <f t="shared" si="1"/>
        <v>46476</v>
      </c>
      <c r="C37" s="10" t="str">
        <f t="shared" si="0"/>
        <v>火</v>
      </c>
      <c r="D37" s="2"/>
      <c r="E37" s="2"/>
      <c r="F37" s="3"/>
      <c r="G37" s="1"/>
      <c r="H37" s="4"/>
      <c r="I37" s="4"/>
    </row>
    <row r="38" spans="2:9" ht="49.95" customHeight="1" x14ac:dyDescent="0.2">
      <c r="B38" s="9">
        <f t="shared" si="1"/>
        <v>46477</v>
      </c>
      <c r="C38" s="8" t="str">
        <f t="shared" si="0"/>
        <v>水</v>
      </c>
      <c r="D38" s="2"/>
      <c r="E38" s="2"/>
      <c r="F38" s="3"/>
      <c r="G38" s="1"/>
      <c r="H38" s="4"/>
      <c r="I38" s="4"/>
    </row>
    <row r="39" spans="2:9" ht="45" customHeight="1" x14ac:dyDescent="0.2">
      <c r="B39" s="17" t="s">
        <v>4</v>
      </c>
      <c r="C39" s="18"/>
      <c r="D39" s="18"/>
      <c r="E39" s="18"/>
      <c r="F39" s="1">
        <f>SUM(F8:F38)</f>
        <v>0</v>
      </c>
      <c r="G39" s="1">
        <f>SUM(G8:G38)</f>
        <v>0</v>
      </c>
      <c r="H39" s="4"/>
      <c r="I39" s="6"/>
    </row>
    <row r="42" spans="2:9" ht="18" customHeight="1" x14ac:dyDescent="0.2"/>
  </sheetData>
  <mergeCells count="12">
    <mergeCell ref="I6:I7"/>
    <mergeCell ref="B39:E39"/>
    <mergeCell ref="B1:I2"/>
    <mergeCell ref="B3:C4"/>
    <mergeCell ref="D3:E4"/>
    <mergeCell ref="B6:B7"/>
    <mergeCell ref="C6:C7"/>
    <mergeCell ref="D6:D7"/>
    <mergeCell ref="E6:E7"/>
    <mergeCell ref="F6:F7"/>
    <mergeCell ref="G6:G7"/>
    <mergeCell ref="H6:H7"/>
  </mergeCells>
  <phoneticPr fontId="1"/>
  <conditionalFormatting sqref="D8:F38">
    <cfRule type="expression" dxfId="1" priority="1">
      <formula>ISBLANK(D8)=FALSE</formula>
    </cfRule>
  </conditionalFormatting>
  <dataValidations count="1">
    <dataValidation type="list" allowBlank="1" showInputMessage="1" showErrorMessage="1" sqref="H8:H39" xr:uid="{00000000-0002-0000-0B00-000000000000}">
      <formula1>"幼稚園の入口における園児の受け入れ,園児の建物内への誘導,担任教員に対する登園状況の報告"</formula1>
    </dataValidation>
  </dataValidations>
  <printOptions horizontalCentered="1"/>
  <pageMargins left="0.51181102362204722" right="0.51181102362204722" top="0.55118110236220474" bottom="0.55118110236220474" header="0.39370078740157483" footer="0.31496062992125984"/>
  <pageSetup paperSize="9" scale="47" orientation="portrait" r:id="rId1"/>
</worksheet>
</file>

<file path=xl/worksheets/sheet1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C00-000000000000}">
  <sheetPr>
    <pageSetUpPr fitToPage="1"/>
  </sheetPr>
  <dimension ref="B1:I41"/>
  <sheetViews>
    <sheetView view="pageBreakPreview" zoomScale="55" zoomScaleNormal="55" zoomScaleSheetLayoutView="55" workbookViewId="0">
      <pane xSplit="1" ySplit="7" topLeftCell="B8" activePane="bottomRight" state="frozen"/>
      <selection pane="topRight" activeCell="B1" sqref="B1"/>
      <selection pane="bottomLeft" activeCell="A8" sqref="A8"/>
      <selection pane="bottomRight" activeCell="H4" sqref="H4"/>
    </sheetView>
  </sheetViews>
  <sheetFormatPr defaultColWidth="13" defaultRowHeight="14.4" x14ac:dyDescent="0.2"/>
  <cols>
    <col min="1" max="1" width="2.69921875" customWidth="1"/>
    <col min="2" max="2" width="10.69921875" customWidth="1"/>
    <col min="3" max="3" width="10.69921875" style="5" customWidth="1"/>
    <col min="4" max="7" width="18.69921875" customWidth="1"/>
    <col min="8" max="8" width="45.69921875" customWidth="1"/>
    <col min="9" max="9" width="12.09765625" customWidth="1"/>
    <col min="10" max="10" width="11.59765625" customWidth="1"/>
    <col min="11" max="11" width="1.59765625" customWidth="1"/>
    <col min="13" max="13" width="3" customWidth="1"/>
  </cols>
  <sheetData>
    <row r="1" spans="2:9" ht="19.95" customHeight="1" x14ac:dyDescent="0.2">
      <c r="B1" s="14">
        <f>年度設定シート!D1</f>
        <v>46113</v>
      </c>
      <c r="C1" s="14"/>
      <c r="D1" s="14"/>
      <c r="E1" s="14"/>
      <c r="F1" s="14"/>
      <c r="G1" s="14"/>
      <c r="H1" s="14"/>
      <c r="I1" s="14"/>
    </row>
    <row r="2" spans="2:9" ht="19.95" customHeight="1" x14ac:dyDescent="0.2">
      <c r="B2" s="14"/>
      <c r="C2" s="14"/>
      <c r="D2" s="14"/>
      <c r="E2" s="14"/>
      <c r="F2" s="14"/>
      <c r="G2" s="14"/>
      <c r="H2" s="14"/>
      <c r="I2" s="14"/>
    </row>
    <row r="3" spans="2:9" ht="19.95" customHeight="1" x14ac:dyDescent="0.2">
      <c r="B3" s="19" t="s">
        <v>6</v>
      </c>
      <c r="C3" s="20"/>
      <c r="D3" s="19" t="s">
        <v>10</v>
      </c>
      <c r="E3" s="23"/>
    </row>
    <row r="4" spans="2:9" ht="19.95" customHeight="1" x14ac:dyDescent="0.2">
      <c r="B4" s="21"/>
      <c r="C4" s="22"/>
      <c r="D4" s="24"/>
      <c r="E4" s="25"/>
    </row>
    <row r="5" spans="2:9" ht="15" customHeight="1" x14ac:dyDescent="0.2"/>
    <row r="6" spans="2:9" ht="19.95" customHeight="1" x14ac:dyDescent="0.2">
      <c r="B6" s="17" t="s">
        <v>0</v>
      </c>
      <c r="C6" s="26" t="s">
        <v>1</v>
      </c>
      <c r="D6" s="18" t="s">
        <v>2</v>
      </c>
      <c r="E6" s="18" t="s">
        <v>3</v>
      </c>
      <c r="F6" s="15" t="s">
        <v>7</v>
      </c>
      <c r="G6" s="15" t="s">
        <v>8</v>
      </c>
      <c r="H6" s="27" t="s">
        <v>9</v>
      </c>
      <c r="I6" s="15" t="s">
        <v>5</v>
      </c>
    </row>
    <row r="7" spans="2:9" ht="19.95" customHeight="1" x14ac:dyDescent="0.2">
      <c r="B7" s="18"/>
      <c r="C7" s="26"/>
      <c r="D7" s="18"/>
      <c r="E7" s="18"/>
      <c r="F7" s="16"/>
      <c r="G7" s="16"/>
      <c r="H7" s="28"/>
      <c r="I7" s="16"/>
    </row>
    <row r="8" spans="2:9" ht="49.95" customHeight="1" x14ac:dyDescent="0.2">
      <c r="B8" s="9">
        <f>B1</f>
        <v>46113</v>
      </c>
      <c r="C8" s="10" t="str">
        <f>TEXT(B8,"aaa")</f>
        <v>水</v>
      </c>
      <c r="D8" s="2"/>
      <c r="E8" s="2"/>
      <c r="F8" s="3"/>
      <c r="G8" s="1"/>
      <c r="H8" s="4"/>
      <c r="I8" s="4"/>
    </row>
    <row r="9" spans="2:9" ht="49.95" customHeight="1" x14ac:dyDescent="0.2">
      <c r="B9" s="9">
        <f>B8+1</f>
        <v>46114</v>
      </c>
      <c r="C9" s="10" t="str">
        <f t="shared" ref="C9:C37" si="0">TEXT(B9,"aaa")</f>
        <v>木</v>
      </c>
      <c r="D9" s="2"/>
      <c r="E9" s="2"/>
      <c r="F9" s="3"/>
      <c r="G9" s="1"/>
      <c r="H9" s="4"/>
      <c r="I9" s="4"/>
    </row>
    <row r="10" spans="2:9" ht="49.95" customHeight="1" x14ac:dyDescent="0.2">
      <c r="B10" s="9">
        <f t="shared" ref="B10:B37" si="1">B9+1</f>
        <v>46115</v>
      </c>
      <c r="C10" s="10" t="str">
        <f t="shared" si="0"/>
        <v>金</v>
      </c>
      <c r="D10" s="2"/>
      <c r="E10" s="2"/>
      <c r="F10" s="3"/>
      <c r="G10" s="1"/>
      <c r="H10" s="4"/>
      <c r="I10" s="4"/>
    </row>
    <row r="11" spans="2:9" ht="49.95" customHeight="1" x14ac:dyDescent="0.2">
      <c r="B11" s="9">
        <f t="shared" si="1"/>
        <v>46116</v>
      </c>
      <c r="C11" s="10" t="str">
        <f t="shared" si="0"/>
        <v>土</v>
      </c>
      <c r="D11" s="2"/>
      <c r="E11" s="2"/>
      <c r="F11" s="3"/>
      <c r="G11" s="1"/>
      <c r="H11" s="4"/>
      <c r="I11" s="4"/>
    </row>
    <row r="12" spans="2:9" ht="49.95" customHeight="1" x14ac:dyDescent="0.2">
      <c r="B12" s="9">
        <f t="shared" si="1"/>
        <v>46117</v>
      </c>
      <c r="C12" s="10" t="str">
        <f t="shared" si="0"/>
        <v>日</v>
      </c>
      <c r="D12" s="2"/>
      <c r="E12" s="2"/>
      <c r="F12" s="3"/>
      <c r="G12" s="1"/>
      <c r="H12" s="4"/>
      <c r="I12" s="4"/>
    </row>
    <row r="13" spans="2:9" ht="49.95" customHeight="1" x14ac:dyDescent="0.2">
      <c r="B13" s="9">
        <f t="shared" si="1"/>
        <v>46118</v>
      </c>
      <c r="C13" s="10" t="str">
        <f t="shared" si="0"/>
        <v>月</v>
      </c>
      <c r="D13" s="2"/>
      <c r="E13" s="2"/>
      <c r="F13" s="3"/>
      <c r="G13" s="1"/>
      <c r="H13" s="4"/>
      <c r="I13" s="4"/>
    </row>
    <row r="14" spans="2:9" ht="49.95" customHeight="1" x14ac:dyDescent="0.2">
      <c r="B14" s="9">
        <f t="shared" si="1"/>
        <v>46119</v>
      </c>
      <c r="C14" s="10" t="str">
        <f t="shared" si="0"/>
        <v>火</v>
      </c>
      <c r="D14" s="2"/>
      <c r="E14" s="2"/>
      <c r="F14" s="3"/>
      <c r="G14" s="1"/>
      <c r="H14" s="4"/>
      <c r="I14" s="4"/>
    </row>
    <row r="15" spans="2:9" ht="49.95" customHeight="1" x14ac:dyDescent="0.2">
      <c r="B15" s="9">
        <f t="shared" si="1"/>
        <v>46120</v>
      </c>
      <c r="C15" s="10" t="str">
        <f t="shared" si="0"/>
        <v>水</v>
      </c>
      <c r="D15" s="2"/>
      <c r="E15" s="2"/>
      <c r="F15" s="3"/>
      <c r="G15" s="1"/>
      <c r="H15" s="4"/>
      <c r="I15" s="4"/>
    </row>
    <row r="16" spans="2:9" ht="49.95" customHeight="1" x14ac:dyDescent="0.2">
      <c r="B16" s="9">
        <f t="shared" si="1"/>
        <v>46121</v>
      </c>
      <c r="C16" s="10" t="str">
        <f t="shared" si="0"/>
        <v>木</v>
      </c>
      <c r="D16" s="2"/>
      <c r="E16" s="2"/>
      <c r="F16" s="3"/>
      <c r="G16" s="1"/>
      <c r="H16" s="4"/>
      <c r="I16" s="4"/>
    </row>
    <row r="17" spans="2:9" ht="49.95" customHeight="1" x14ac:dyDescent="0.2">
      <c r="B17" s="9">
        <f t="shared" si="1"/>
        <v>46122</v>
      </c>
      <c r="C17" s="10" t="str">
        <f t="shared" si="0"/>
        <v>金</v>
      </c>
      <c r="D17" s="2">
        <v>0.33333333333333331</v>
      </c>
      <c r="E17" s="2">
        <v>0.41666666666666669</v>
      </c>
      <c r="F17" s="3">
        <v>0</v>
      </c>
      <c r="G17" s="1">
        <v>2</v>
      </c>
      <c r="H17" s="4" t="s">
        <v>14</v>
      </c>
      <c r="I17" s="4" t="s">
        <v>12</v>
      </c>
    </row>
    <row r="18" spans="2:9" ht="49.95" customHeight="1" x14ac:dyDescent="0.2">
      <c r="B18" s="9">
        <f t="shared" si="1"/>
        <v>46123</v>
      </c>
      <c r="C18" s="10" t="str">
        <f t="shared" si="0"/>
        <v>土</v>
      </c>
      <c r="D18" s="2"/>
      <c r="E18" s="2"/>
      <c r="F18" s="3"/>
      <c r="G18" s="1"/>
      <c r="H18" s="4"/>
      <c r="I18" s="4"/>
    </row>
    <row r="19" spans="2:9" ht="49.95" customHeight="1" x14ac:dyDescent="0.2">
      <c r="B19" s="9">
        <f t="shared" si="1"/>
        <v>46124</v>
      </c>
      <c r="C19" s="10" t="str">
        <f t="shared" si="0"/>
        <v>日</v>
      </c>
      <c r="D19" s="2">
        <v>0.41666666666666669</v>
      </c>
      <c r="E19" s="2">
        <v>0.5</v>
      </c>
      <c r="F19" s="3">
        <v>0</v>
      </c>
      <c r="G19" s="1">
        <v>2</v>
      </c>
      <c r="H19" s="4" t="s">
        <v>11</v>
      </c>
      <c r="I19" s="4" t="s">
        <v>12</v>
      </c>
    </row>
    <row r="20" spans="2:9" ht="49.95" customHeight="1" x14ac:dyDescent="0.2">
      <c r="B20" s="9">
        <f t="shared" si="1"/>
        <v>46125</v>
      </c>
      <c r="C20" s="10" t="str">
        <f t="shared" si="0"/>
        <v>月</v>
      </c>
      <c r="D20" s="2"/>
      <c r="E20" s="2"/>
      <c r="F20" s="3"/>
      <c r="G20" s="1"/>
      <c r="H20" s="4"/>
      <c r="I20" s="4"/>
    </row>
    <row r="21" spans="2:9" ht="49.95" customHeight="1" x14ac:dyDescent="0.2">
      <c r="B21" s="9">
        <f t="shared" si="1"/>
        <v>46126</v>
      </c>
      <c r="C21" s="10" t="str">
        <f t="shared" si="0"/>
        <v>火</v>
      </c>
      <c r="D21" s="2">
        <v>0.33333333333333331</v>
      </c>
      <c r="E21" s="2">
        <v>0.41666666666666669</v>
      </c>
      <c r="F21" s="3">
        <v>0</v>
      </c>
      <c r="G21" s="1">
        <v>2</v>
      </c>
      <c r="H21" s="4" t="s">
        <v>14</v>
      </c>
      <c r="I21" s="4" t="s">
        <v>12</v>
      </c>
    </row>
    <row r="22" spans="2:9" ht="49.95" customHeight="1" x14ac:dyDescent="0.2">
      <c r="B22" s="9">
        <f t="shared" si="1"/>
        <v>46127</v>
      </c>
      <c r="C22" s="10" t="str">
        <f t="shared" si="0"/>
        <v>水</v>
      </c>
      <c r="D22" s="2"/>
      <c r="E22" s="2"/>
      <c r="F22" s="3"/>
      <c r="G22" s="1"/>
      <c r="H22" s="4"/>
      <c r="I22" s="4"/>
    </row>
    <row r="23" spans="2:9" ht="49.95" customHeight="1" x14ac:dyDescent="0.2">
      <c r="B23" s="9">
        <f t="shared" si="1"/>
        <v>46128</v>
      </c>
      <c r="C23" s="10" t="str">
        <f t="shared" si="0"/>
        <v>木</v>
      </c>
      <c r="D23" s="2"/>
      <c r="E23" s="2"/>
      <c r="F23" s="3"/>
      <c r="G23" s="1"/>
      <c r="H23" s="4"/>
      <c r="I23" s="4"/>
    </row>
    <row r="24" spans="2:9" ht="49.95" customHeight="1" x14ac:dyDescent="0.2">
      <c r="B24" s="9">
        <f t="shared" si="1"/>
        <v>46129</v>
      </c>
      <c r="C24" s="10" t="str">
        <f t="shared" si="0"/>
        <v>金</v>
      </c>
      <c r="D24" s="2">
        <v>0.33333333333333331</v>
      </c>
      <c r="E24" s="2">
        <v>0.41666666666666669</v>
      </c>
      <c r="F24" s="3">
        <v>0</v>
      </c>
      <c r="G24" s="1">
        <v>2</v>
      </c>
      <c r="H24" s="4" t="s">
        <v>14</v>
      </c>
      <c r="I24" s="4" t="s">
        <v>12</v>
      </c>
    </row>
    <row r="25" spans="2:9" ht="49.95" customHeight="1" x14ac:dyDescent="0.2">
      <c r="B25" s="9">
        <f t="shared" si="1"/>
        <v>46130</v>
      </c>
      <c r="C25" s="10" t="str">
        <f t="shared" si="0"/>
        <v>土</v>
      </c>
      <c r="D25" s="2"/>
      <c r="E25" s="2"/>
      <c r="F25" s="3"/>
      <c r="G25" s="1"/>
      <c r="H25" s="4"/>
      <c r="I25" s="4"/>
    </row>
    <row r="26" spans="2:9" ht="49.95" customHeight="1" x14ac:dyDescent="0.2">
      <c r="B26" s="9">
        <f t="shared" si="1"/>
        <v>46131</v>
      </c>
      <c r="C26" s="10" t="str">
        <f t="shared" si="0"/>
        <v>日</v>
      </c>
      <c r="D26" s="2">
        <v>0.41666666666666669</v>
      </c>
      <c r="E26" s="2">
        <v>0.5</v>
      </c>
      <c r="F26" s="3">
        <v>0</v>
      </c>
      <c r="G26" s="1">
        <v>2</v>
      </c>
      <c r="H26" s="4" t="s">
        <v>11</v>
      </c>
      <c r="I26" s="4" t="s">
        <v>12</v>
      </c>
    </row>
    <row r="27" spans="2:9" ht="49.95" customHeight="1" x14ac:dyDescent="0.2">
      <c r="B27" s="9">
        <f t="shared" si="1"/>
        <v>46132</v>
      </c>
      <c r="C27" s="10" t="str">
        <f t="shared" si="0"/>
        <v>月</v>
      </c>
      <c r="D27" s="2">
        <v>0.45833333333333331</v>
      </c>
      <c r="E27" s="2">
        <v>0.58333333333333337</v>
      </c>
      <c r="F27" s="3">
        <v>1</v>
      </c>
      <c r="G27" s="1">
        <v>2</v>
      </c>
      <c r="H27" s="4" t="s">
        <v>13</v>
      </c>
      <c r="I27" s="4" t="s">
        <v>12</v>
      </c>
    </row>
    <row r="28" spans="2:9" ht="49.95" customHeight="1" x14ac:dyDescent="0.2">
      <c r="B28" s="9">
        <f t="shared" si="1"/>
        <v>46133</v>
      </c>
      <c r="C28" s="10" t="str">
        <f t="shared" si="0"/>
        <v>火</v>
      </c>
      <c r="D28" s="2">
        <v>0.33333333333333331</v>
      </c>
      <c r="E28" s="2">
        <v>0.41666666666666669</v>
      </c>
      <c r="F28" s="3">
        <v>0</v>
      </c>
      <c r="G28" s="1">
        <v>2</v>
      </c>
      <c r="H28" s="4" t="s">
        <v>14</v>
      </c>
      <c r="I28" s="4" t="s">
        <v>12</v>
      </c>
    </row>
    <row r="29" spans="2:9" ht="49.95" customHeight="1" x14ac:dyDescent="0.2">
      <c r="B29" s="9">
        <f t="shared" si="1"/>
        <v>46134</v>
      </c>
      <c r="C29" s="10" t="str">
        <f t="shared" si="0"/>
        <v>水</v>
      </c>
      <c r="D29" s="2"/>
      <c r="E29" s="2"/>
      <c r="F29" s="3"/>
      <c r="G29" s="1"/>
      <c r="H29" s="4"/>
      <c r="I29" s="4"/>
    </row>
    <row r="30" spans="2:9" ht="49.95" customHeight="1" x14ac:dyDescent="0.2">
      <c r="B30" s="9">
        <f t="shared" si="1"/>
        <v>46135</v>
      </c>
      <c r="C30" s="10" t="str">
        <f t="shared" si="0"/>
        <v>木</v>
      </c>
      <c r="D30" s="2"/>
      <c r="E30" s="2"/>
      <c r="F30" s="3"/>
      <c r="G30" s="1"/>
      <c r="H30" s="4"/>
      <c r="I30" s="4"/>
    </row>
    <row r="31" spans="2:9" ht="49.95" customHeight="1" x14ac:dyDescent="0.2">
      <c r="B31" s="9">
        <f t="shared" si="1"/>
        <v>46136</v>
      </c>
      <c r="C31" s="10" t="str">
        <f t="shared" si="0"/>
        <v>金</v>
      </c>
      <c r="D31" s="2">
        <v>0.33333333333333331</v>
      </c>
      <c r="E31" s="2">
        <v>0.41666666666666669</v>
      </c>
      <c r="F31" s="3">
        <v>0</v>
      </c>
      <c r="G31" s="1">
        <v>2</v>
      </c>
      <c r="H31" s="4" t="s">
        <v>14</v>
      </c>
      <c r="I31" s="4" t="s">
        <v>12</v>
      </c>
    </row>
    <row r="32" spans="2:9" ht="49.95" customHeight="1" x14ac:dyDescent="0.2">
      <c r="B32" s="9">
        <f t="shared" si="1"/>
        <v>46137</v>
      </c>
      <c r="C32" s="10" t="str">
        <f t="shared" si="0"/>
        <v>土</v>
      </c>
      <c r="D32" s="2"/>
      <c r="E32" s="2"/>
      <c r="F32" s="3"/>
      <c r="G32" s="1"/>
      <c r="H32" s="4"/>
      <c r="I32" s="4"/>
    </row>
    <row r="33" spans="2:9" ht="49.95" customHeight="1" x14ac:dyDescent="0.2">
      <c r="B33" s="9">
        <f t="shared" si="1"/>
        <v>46138</v>
      </c>
      <c r="C33" s="10" t="str">
        <f t="shared" si="0"/>
        <v>日</v>
      </c>
      <c r="D33" s="2">
        <v>0.41666666666666669</v>
      </c>
      <c r="E33" s="2">
        <v>0.5</v>
      </c>
      <c r="F33" s="3">
        <v>0</v>
      </c>
      <c r="G33" s="1">
        <v>2</v>
      </c>
      <c r="H33" s="4" t="s">
        <v>11</v>
      </c>
      <c r="I33" s="4" t="s">
        <v>12</v>
      </c>
    </row>
    <row r="34" spans="2:9" ht="49.95" customHeight="1" x14ac:dyDescent="0.2">
      <c r="B34" s="9">
        <f t="shared" si="1"/>
        <v>46139</v>
      </c>
      <c r="C34" s="10" t="str">
        <f t="shared" si="0"/>
        <v>月</v>
      </c>
      <c r="D34" s="2"/>
      <c r="E34" s="2"/>
      <c r="F34" s="3"/>
      <c r="G34" s="1"/>
      <c r="H34" s="4"/>
      <c r="I34" s="4"/>
    </row>
    <row r="35" spans="2:9" ht="49.95" customHeight="1" x14ac:dyDescent="0.2">
      <c r="B35" s="9">
        <f t="shared" si="1"/>
        <v>46140</v>
      </c>
      <c r="C35" s="10" t="str">
        <f t="shared" si="0"/>
        <v>火</v>
      </c>
      <c r="D35" s="2">
        <v>0.33333333333333331</v>
      </c>
      <c r="E35" s="2">
        <v>0.41666666666666669</v>
      </c>
      <c r="F35" s="3">
        <v>0</v>
      </c>
      <c r="G35" s="1">
        <v>2</v>
      </c>
      <c r="H35" s="4" t="s">
        <v>14</v>
      </c>
      <c r="I35" s="4" t="s">
        <v>12</v>
      </c>
    </row>
    <row r="36" spans="2:9" ht="49.95" customHeight="1" x14ac:dyDescent="0.2">
      <c r="B36" s="9">
        <f t="shared" si="1"/>
        <v>46141</v>
      </c>
      <c r="C36" s="10" t="str">
        <f t="shared" si="0"/>
        <v>水</v>
      </c>
      <c r="D36" s="2"/>
      <c r="E36" s="2"/>
      <c r="F36" s="3"/>
      <c r="G36" s="1"/>
      <c r="H36" s="4"/>
      <c r="I36" s="4"/>
    </row>
    <row r="37" spans="2:9" ht="49.95" customHeight="1" x14ac:dyDescent="0.2">
      <c r="B37" s="9">
        <f t="shared" si="1"/>
        <v>46142</v>
      </c>
      <c r="C37" s="10" t="str">
        <f t="shared" si="0"/>
        <v>木</v>
      </c>
      <c r="D37" s="2"/>
      <c r="E37" s="2"/>
      <c r="F37" s="3"/>
      <c r="G37" s="1"/>
      <c r="H37" s="4"/>
      <c r="I37" s="4"/>
    </row>
    <row r="38" spans="2:9" ht="45" customHeight="1" x14ac:dyDescent="0.2">
      <c r="B38" s="17" t="s">
        <v>4</v>
      </c>
      <c r="C38" s="18"/>
      <c r="D38" s="18"/>
      <c r="E38" s="18"/>
      <c r="F38" s="1">
        <f>SUM(F8:F37)</f>
        <v>1</v>
      </c>
      <c r="G38" s="1">
        <f>SUM(G8:G37)</f>
        <v>20</v>
      </c>
      <c r="H38" s="4"/>
    </row>
    <row r="41" spans="2:9" ht="18" customHeight="1" x14ac:dyDescent="0.2"/>
  </sheetData>
  <mergeCells count="12">
    <mergeCell ref="I6:I7"/>
    <mergeCell ref="B38:E38"/>
    <mergeCell ref="B1:I2"/>
    <mergeCell ref="B3:C4"/>
    <mergeCell ref="D3:E4"/>
    <mergeCell ref="B6:B7"/>
    <mergeCell ref="C6:C7"/>
    <mergeCell ref="D6:D7"/>
    <mergeCell ref="E6:E7"/>
    <mergeCell ref="F6:F7"/>
    <mergeCell ref="G6:G7"/>
    <mergeCell ref="H6:H7"/>
  </mergeCells>
  <phoneticPr fontId="1"/>
  <conditionalFormatting sqref="D8:F37">
    <cfRule type="expression" dxfId="0" priority="1">
      <formula>ISBLANK(D8)=FALSE</formula>
    </cfRule>
  </conditionalFormatting>
  <dataValidations count="1">
    <dataValidation type="list" allowBlank="1" showInputMessage="1" showErrorMessage="1" sqref="H8:H38" xr:uid="{00000000-0002-0000-0C00-000000000000}">
      <formula1>"幼稚園の入口における園児の受け入れ,園児の建物内への誘導,担任教員に対する登園状況の報告"</formula1>
    </dataValidation>
  </dataValidations>
  <printOptions horizontalCentered="1"/>
  <pageMargins left="0.51181102362204722" right="0.51181102362204722" top="0.55118110236220474" bottom="0.55118110236220474" header="0.39370078740157483" footer="0.31496062992125984"/>
  <pageSetup paperSize="9" scale="48" orientation="portrait" r:id="rId1"/>
  <drawing r:id="rId2"/>
</worksheet>
</file>

<file path=xl/worksheets/sheet1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D00-000000000000}">
  <dimension ref="A1:D14"/>
  <sheetViews>
    <sheetView workbookViewId="0">
      <selection activeCell="E28" sqref="E28"/>
    </sheetView>
  </sheetViews>
  <sheetFormatPr defaultColWidth="8.796875" defaultRowHeight="14.4" x14ac:dyDescent="0.2"/>
  <cols>
    <col min="1" max="3" width="8.796875" style="5"/>
    <col min="4" max="4" width="10.3984375" style="5" bestFit="1" customWidth="1"/>
    <col min="5" max="16384" width="8.796875" style="5"/>
  </cols>
  <sheetData>
    <row r="1" spans="1:4" ht="21" x14ac:dyDescent="0.25">
      <c r="A1" s="11">
        <v>2026</v>
      </c>
      <c r="B1" s="5">
        <f>A1</f>
        <v>2026</v>
      </c>
      <c r="C1" s="5">
        <v>4</v>
      </c>
      <c r="D1" s="12">
        <f t="shared" ref="D1:D9" si="0">DATE($B$1,C1,1)</f>
        <v>46113</v>
      </c>
    </row>
    <row r="2" spans="1:4" x14ac:dyDescent="0.2">
      <c r="A2" s="13"/>
      <c r="B2" s="5">
        <f>A1+1</f>
        <v>2027</v>
      </c>
      <c r="C2" s="5">
        <v>5</v>
      </c>
      <c r="D2" s="12">
        <f t="shared" si="0"/>
        <v>46143</v>
      </c>
    </row>
    <row r="3" spans="1:4" x14ac:dyDescent="0.2">
      <c r="A3" s="13"/>
      <c r="C3" s="5">
        <v>6</v>
      </c>
      <c r="D3" s="12">
        <f t="shared" si="0"/>
        <v>46174</v>
      </c>
    </row>
    <row r="4" spans="1:4" x14ac:dyDescent="0.2">
      <c r="A4" s="13"/>
      <c r="C4" s="5">
        <v>7</v>
      </c>
      <c r="D4" s="12">
        <f t="shared" si="0"/>
        <v>46204</v>
      </c>
    </row>
    <row r="5" spans="1:4" x14ac:dyDescent="0.2">
      <c r="A5" s="13"/>
      <c r="C5" s="5">
        <v>8</v>
      </c>
      <c r="D5" s="12">
        <f t="shared" si="0"/>
        <v>46235</v>
      </c>
    </row>
    <row r="6" spans="1:4" x14ac:dyDescent="0.2">
      <c r="A6" s="13"/>
      <c r="C6" s="5">
        <v>9</v>
      </c>
      <c r="D6" s="12">
        <f t="shared" si="0"/>
        <v>46266</v>
      </c>
    </row>
    <row r="7" spans="1:4" x14ac:dyDescent="0.2">
      <c r="A7" s="13"/>
      <c r="C7" s="5">
        <v>10</v>
      </c>
      <c r="D7" s="12">
        <f t="shared" si="0"/>
        <v>46296</v>
      </c>
    </row>
    <row r="8" spans="1:4" x14ac:dyDescent="0.2">
      <c r="A8" s="13"/>
      <c r="C8" s="5">
        <v>11</v>
      </c>
      <c r="D8" s="12">
        <f t="shared" si="0"/>
        <v>46327</v>
      </c>
    </row>
    <row r="9" spans="1:4" x14ac:dyDescent="0.2">
      <c r="A9" s="13"/>
      <c r="C9" s="5">
        <v>12</v>
      </c>
      <c r="D9" s="12">
        <f t="shared" si="0"/>
        <v>46357</v>
      </c>
    </row>
    <row r="10" spans="1:4" x14ac:dyDescent="0.2">
      <c r="A10" s="13"/>
      <c r="C10" s="5">
        <v>1</v>
      </c>
      <c r="D10" s="12">
        <f>DATE($B$2,C10,1)</f>
        <v>46388</v>
      </c>
    </row>
    <row r="11" spans="1:4" x14ac:dyDescent="0.2">
      <c r="A11" s="13"/>
      <c r="C11" s="5">
        <v>2</v>
      </c>
      <c r="D11" s="12">
        <f t="shared" ref="D11:D12" si="1">DATE($B$2,C11,1)</f>
        <v>46419</v>
      </c>
    </row>
    <row r="12" spans="1:4" x14ac:dyDescent="0.2">
      <c r="A12" s="13"/>
      <c r="C12" s="5">
        <v>3</v>
      </c>
      <c r="D12" s="12">
        <f t="shared" si="1"/>
        <v>46447</v>
      </c>
    </row>
    <row r="13" spans="1:4" x14ac:dyDescent="0.2">
      <c r="A13" s="13"/>
    </row>
    <row r="14" spans="1:4" x14ac:dyDescent="0.2">
      <c r="A14" s="13"/>
    </row>
  </sheetData>
  <phoneticPr fontId="1"/>
  <pageMargins left="0.7" right="0.7" top="0.75" bottom="0.75" header="0.3" footer="0.3"/>
  <pageSetup paperSize="9" orientation="portrait" r:id="rId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100-000000000000}">
  <sheetPr>
    <pageSetUpPr fitToPage="1"/>
  </sheetPr>
  <dimension ref="B1:I42"/>
  <sheetViews>
    <sheetView view="pageBreakPreview" zoomScale="55" zoomScaleNormal="55" zoomScaleSheetLayoutView="55" workbookViewId="0">
      <pane xSplit="1" ySplit="7" topLeftCell="B8" activePane="bottomRight" state="frozen"/>
      <selection pane="topRight" activeCell="B1" sqref="B1"/>
      <selection pane="bottomLeft" activeCell="A8" sqref="A8"/>
      <selection pane="bottomRight" activeCell="I3" sqref="I3"/>
    </sheetView>
  </sheetViews>
  <sheetFormatPr defaultColWidth="13" defaultRowHeight="14.4" x14ac:dyDescent="0.2"/>
  <cols>
    <col min="1" max="1" width="2.69921875" customWidth="1"/>
    <col min="2" max="2" width="10.69921875" customWidth="1"/>
    <col min="3" max="3" width="10.69921875" style="5" customWidth="1"/>
    <col min="4" max="7" width="18.69921875" customWidth="1"/>
    <col min="8" max="8" width="45.69921875" customWidth="1"/>
    <col min="9" max="9" width="12.09765625" customWidth="1"/>
    <col min="10" max="10" width="11.59765625" customWidth="1"/>
    <col min="11" max="11" width="1.59765625" customWidth="1"/>
    <col min="13" max="13" width="3" customWidth="1"/>
  </cols>
  <sheetData>
    <row r="1" spans="2:9" ht="19.95" customHeight="1" x14ac:dyDescent="0.2">
      <c r="B1" s="14">
        <f>年度設定シート!D2</f>
        <v>46143</v>
      </c>
      <c r="C1" s="14"/>
      <c r="D1" s="14"/>
      <c r="E1" s="14"/>
      <c r="F1" s="14"/>
      <c r="G1" s="14"/>
      <c r="H1" s="14"/>
      <c r="I1" s="14"/>
    </row>
    <row r="2" spans="2:9" ht="19.95" customHeight="1" x14ac:dyDescent="0.2">
      <c r="B2" s="14"/>
      <c r="C2" s="14"/>
      <c r="D2" s="14"/>
      <c r="E2" s="14"/>
      <c r="F2" s="14"/>
      <c r="G2" s="14"/>
      <c r="H2" s="14"/>
      <c r="I2" s="14"/>
    </row>
    <row r="3" spans="2:9" ht="19.95" customHeight="1" x14ac:dyDescent="0.2">
      <c r="B3" s="19" t="s">
        <v>6</v>
      </c>
      <c r="C3" s="20"/>
      <c r="D3" s="19"/>
      <c r="E3" s="23"/>
    </row>
    <row r="4" spans="2:9" ht="19.95" customHeight="1" x14ac:dyDescent="0.2">
      <c r="B4" s="21"/>
      <c r="C4" s="22"/>
      <c r="D4" s="24"/>
      <c r="E4" s="25"/>
    </row>
    <row r="5" spans="2:9" ht="15" customHeight="1" x14ac:dyDescent="0.2"/>
    <row r="6" spans="2:9" ht="19.95" customHeight="1" x14ac:dyDescent="0.2">
      <c r="B6" s="17" t="s">
        <v>0</v>
      </c>
      <c r="C6" s="26" t="s">
        <v>1</v>
      </c>
      <c r="D6" s="18" t="s">
        <v>2</v>
      </c>
      <c r="E6" s="18" t="s">
        <v>3</v>
      </c>
      <c r="F6" s="18" t="s">
        <v>7</v>
      </c>
      <c r="G6" s="18" t="s">
        <v>8</v>
      </c>
      <c r="H6" s="18" t="s">
        <v>9</v>
      </c>
      <c r="I6" s="18" t="s">
        <v>5</v>
      </c>
    </row>
    <row r="7" spans="2:9" ht="19.95" customHeight="1" x14ac:dyDescent="0.2">
      <c r="B7" s="18"/>
      <c r="C7" s="26"/>
      <c r="D7" s="18"/>
      <c r="E7" s="18"/>
      <c r="F7" s="18"/>
      <c r="G7" s="18"/>
      <c r="H7" s="18"/>
      <c r="I7" s="18"/>
    </row>
    <row r="8" spans="2:9" ht="49.95" customHeight="1" x14ac:dyDescent="0.2">
      <c r="B8" s="9">
        <f>B1</f>
        <v>46143</v>
      </c>
      <c r="C8" s="10" t="str">
        <f>TEXT(B8,"aaa")</f>
        <v>金</v>
      </c>
      <c r="D8" s="2"/>
      <c r="E8" s="2"/>
      <c r="F8" s="3"/>
      <c r="G8" s="1"/>
      <c r="H8" s="4"/>
      <c r="I8" s="4"/>
    </row>
    <row r="9" spans="2:9" ht="49.95" customHeight="1" x14ac:dyDescent="0.2">
      <c r="B9" s="9">
        <f>B8+1</f>
        <v>46144</v>
      </c>
      <c r="C9" s="10" t="str">
        <f t="shared" ref="C9:C37" si="0">TEXT(B9,"aaa")</f>
        <v>土</v>
      </c>
      <c r="D9" s="2"/>
      <c r="E9" s="2"/>
      <c r="F9" s="3"/>
      <c r="G9" s="1"/>
      <c r="H9" s="4"/>
      <c r="I9" s="4"/>
    </row>
    <row r="10" spans="2:9" ht="49.95" customHeight="1" x14ac:dyDescent="0.2">
      <c r="B10" s="9">
        <f t="shared" ref="B10:B37" si="1">B9+1</f>
        <v>46145</v>
      </c>
      <c r="C10" s="10" t="str">
        <f t="shared" si="0"/>
        <v>日</v>
      </c>
      <c r="D10" s="2"/>
      <c r="E10" s="2"/>
      <c r="F10" s="3"/>
      <c r="G10" s="1"/>
      <c r="H10" s="4"/>
      <c r="I10" s="4"/>
    </row>
    <row r="11" spans="2:9" ht="49.95" customHeight="1" x14ac:dyDescent="0.2">
      <c r="B11" s="9">
        <f t="shared" si="1"/>
        <v>46146</v>
      </c>
      <c r="C11" s="10" t="str">
        <f t="shared" si="0"/>
        <v>月</v>
      </c>
      <c r="D11" s="2"/>
      <c r="E11" s="2"/>
      <c r="F11" s="3"/>
      <c r="G11" s="1"/>
      <c r="H11" s="4"/>
      <c r="I11" s="4"/>
    </row>
    <row r="12" spans="2:9" ht="49.95" customHeight="1" x14ac:dyDescent="0.2">
      <c r="B12" s="9">
        <f t="shared" si="1"/>
        <v>46147</v>
      </c>
      <c r="C12" s="10" t="str">
        <f t="shared" si="0"/>
        <v>火</v>
      </c>
      <c r="D12" s="2"/>
      <c r="E12" s="2"/>
      <c r="F12" s="3"/>
      <c r="G12" s="1"/>
      <c r="H12" s="4"/>
      <c r="I12" s="4"/>
    </row>
    <row r="13" spans="2:9" ht="49.95" customHeight="1" x14ac:dyDescent="0.2">
      <c r="B13" s="9">
        <f t="shared" si="1"/>
        <v>46148</v>
      </c>
      <c r="C13" s="10" t="str">
        <f t="shared" si="0"/>
        <v>水</v>
      </c>
      <c r="D13" s="2"/>
      <c r="E13" s="2"/>
      <c r="F13" s="3"/>
      <c r="G13" s="1"/>
      <c r="H13" s="4"/>
      <c r="I13" s="4"/>
    </row>
    <row r="14" spans="2:9" ht="49.95" customHeight="1" x14ac:dyDescent="0.2">
      <c r="B14" s="9">
        <f t="shared" si="1"/>
        <v>46149</v>
      </c>
      <c r="C14" s="10" t="str">
        <f t="shared" si="0"/>
        <v>木</v>
      </c>
      <c r="D14" s="2"/>
      <c r="E14" s="2"/>
      <c r="F14" s="3"/>
      <c r="G14" s="1"/>
      <c r="H14" s="4"/>
      <c r="I14" s="4"/>
    </row>
    <row r="15" spans="2:9" ht="49.95" customHeight="1" x14ac:dyDescent="0.2">
      <c r="B15" s="9">
        <f t="shared" si="1"/>
        <v>46150</v>
      </c>
      <c r="C15" s="10" t="str">
        <f t="shared" si="0"/>
        <v>金</v>
      </c>
      <c r="D15" s="2"/>
      <c r="E15" s="2"/>
      <c r="F15" s="3"/>
      <c r="G15" s="1"/>
      <c r="H15" s="4"/>
      <c r="I15" s="4"/>
    </row>
    <row r="16" spans="2:9" ht="49.95" customHeight="1" x14ac:dyDescent="0.2">
      <c r="B16" s="9">
        <f t="shared" si="1"/>
        <v>46151</v>
      </c>
      <c r="C16" s="10" t="str">
        <f t="shared" si="0"/>
        <v>土</v>
      </c>
      <c r="D16" s="2"/>
      <c r="E16" s="2"/>
      <c r="F16" s="3"/>
      <c r="G16" s="1"/>
      <c r="H16" s="4"/>
      <c r="I16" s="4"/>
    </row>
    <row r="17" spans="2:9" ht="49.95" customHeight="1" x14ac:dyDescent="0.2">
      <c r="B17" s="9">
        <f t="shared" si="1"/>
        <v>46152</v>
      </c>
      <c r="C17" s="10" t="str">
        <f t="shared" si="0"/>
        <v>日</v>
      </c>
      <c r="D17" s="2"/>
      <c r="E17" s="2"/>
      <c r="F17" s="3"/>
      <c r="G17" s="1"/>
      <c r="H17" s="4"/>
      <c r="I17" s="4"/>
    </row>
    <row r="18" spans="2:9" ht="49.95" customHeight="1" x14ac:dyDescent="0.2">
      <c r="B18" s="9">
        <f t="shared" si="1"/>
        <v>46153</v>
      </c>
      <c r="C18" s="10" t="str">
        <f t="shared" si="0"/>
        <v>月</v>
      </c>
      <c r="D18" s="2"/>
      <c r="E18" s="2"/>
      <c r="F18" s="3"/>
      <c r="G18" s="1"/>
      <c r="H18" s="4"/>
      <c r="I18" s="4"/>
    </row>
    <row r="19" spans="2:9" ht="49.95" customHeight="1" x14ac:dyDescent="0.2">
      <c r="B19" s="9">
        <f t="shared" si="1"/>
        <v>46154</v>
      </c>
      <c r="C19" s="10" t="str">
        <f t="shared" si="0"/>
        <v>火</v>
      </c>
      <c r="D19" s="2"/>
      <c r="E19" s="2"/>
      <c r="F19" s="3"/>
      <c r="G19" s="1"/>
      <c r="H19" s="4"/>
      <c r="I19" s="4"/>
    </row>
    <row r="20" spans="2:9" ht="49.95" customHeight="1" x14ac:dyDescent="0.2">
      <c r="B20" s="9">
        <f t="shared" si="1"/>
        <v>46155</v>
      </c>
      <c r="C20" s="10" t="str">
        <f t="shared" si="0"/>
        <v>水</v>
      </c>
      <c r="D20" s="2"/>
      <c r="E20" s="2"/>
      <c r="F20" s="3"/>
      <c r="G20" s="1"/>
      <c r="H20" s="4"/>
      <c r="I20" s="4"/>
    </row>
    <row r="21" spans="2:9" ht="49.95" customHeight="1" x14ac:dyDescent="0.2">
      <c r="B21" s="9">
        <f t="shared" si="1"/>
        <v>46156</v>
      </c>
      <c r="C21" s="10" t="str">
        <f t="shared" si="0"/>
        <v>木</v>
      </c>
      <c r="D21" s="2"/>
      <c r="E21" s="2"/>
      <c r="F21" s="3"/>
      <c r="G21" s="1"/>
      <c r="H21" s="4"/>
      <c r="I21" s="4"/>
    </row>
    <row r="22" spans="2:9" ht="49.95" customHeight="1" x14ac:dyDescent="0.2">
      <c r="B22" s="9">
        <f t="shared" si="1"/>
        <v>46157</v>
      </c>
      <c r="C22" s="10" t="str">
        <f t="shared" si="0"/>
        <v>金</v>
      </c>
      <c r="D22" s="2"/>
      <c r="E22" s="2"/>
      <c r="F22" s="3"/>
      <c r="G22" s="1"/>
      <c r="H22" s="4"/>
      <c r="I22" s="4"/>
    </row>
    <row r="23" spans="2:9" ht="49.95" customHeight="1" x14ac:dyDescent="0.2">
      <c r="B23" s="9">
        <f t="shared" si="1"/>
        <v>46158</v>
      </c>
      <c r="C23" s="10" t="str">
        <f t="shared" si="0"/>
        <v>土</v>
      </c>
      <c r="D23" s="2"/>
      <c r="E23" s="2"/>
      <c r="F23" s="3"/>
      <c r="G23" s="1"/>
      <c r="H23" s="4"/>
      <c r="I23" s="4"/>
    </row>
    <row r="24" spans="2:9" ht="49.95" customHeight="1" x14ac:dyDescent="0.2">
      <c r="B24" s="9">
        <f t="shared" si="1"/>
        <v>46159</v>
      </c>
      <c r="C24" s="10" t="str">
        <f t="shared" si="0"/>
        <v>日</v>
      </c>
      <c r="D24" s="2"/>
      <c r="E24" s="2"/>
      <c r="F24" s="3"/>
      <c r="G24" s="1"/>
      <c r="H24" s="4"/>
      <c r="I24" s="4"/>
    </row>
    <row r="25" spans="2:9" ht="49.95" customHeight="1" x14ac:dyDescent="0.2">
      <c r="B25" s="9">
        <f t="shared" si="1"/>
        <v>46160</v>
      </c>
      <c r="C25" s="10" t="str">
        <f t="shared" si="0"/>
        <v>月</v>
      </c>
      <c r="D25" s="2"/>
      <c r="E25" s="2"/>
      <c r="F25" s="3"/>
      <c r="G25" s="1"/>
      <c r="H25" s="4"/>
      <c r="I25" s="4"/>
    </row>
    <row r="26" spans="2:9" ht="49.95" customHeight="1" x14ac:dyDescent="0.2">
      <c r="B26" s="9">
        <f t="shared" si="1"/>
        <v>46161</v>
      </c>
      <c r="C26" s="10" t="str">
        <f t="shared" si="0"/>
        <v>火</v>
      </c>
      <c r="D26" s="2"/>
      <c r="E26" s="2"/>
      <c r="F26" s="3"/>
      <c r="G26" s="1"/>
      <c r="H26" s="4"/>
      <c r="I26" s="4"/>
    </row>
    <row r="27" spans="2:9" ht="49.95" customHeight="1" x14ac:dyDescent="0.2">
      <c r="B27" s="9">
        <f t="shared" si="1"/>
        <v>46162</v>
      </c>
      <c r="C27" s="10" t="str">
        <f t="shared" si="0"/>
        <v>水</v>
      </c>
      <c r="D27" s="2"/>
      <c r="E27" s="2"/>
      <c r="F27" s="3"/>
      <c r="G27" s="1"/>
      <c r="H27" s="4"/>
      <c r="I27" s="4"/>
    </row>
    <row r="28" spans="2:9" ht="49.95" customHeight="1" x14ac:dyDescent="0.2">
      <c r="B28" s="9">
        <f t="shared" si="1"/>
        <v>46163</v>
      </c>
      <c r="C28" s="10" t="str">
        <f t="shared" si="0"/>
        <v>木</v>
      </c>
      <c r="D28" s="2"/>
      <c r="E28" s="2"/>
      <c r="F28" s="3"/>
      <c r="G28" s="1"/>
      <c r="H28" s="4"/>
      <c r="I28" s="4"/>
    </row>
    <row r="29" spans="2:9" ht="49.95" customHeight="1" x14ac:dyDescent="0.2">
      <c r="B29" s="9">
        <f t="shared" si="1"/>
        <v>46164</v>
      </c>
      <c r="C29" s="10" t="str">
        <f t="shared" si="0"/>
        <v>金</v>
      </c>
      <c r="D29" s="2"/>
      <c r="E29" s="2"/>
      <c r="F29" s="3"/>
      <c r="G29" s="1"/>
      <c r="H29" s="4"/>
      <c r="I29" s="4"/>
    </row>
    <row r="30" spans="2:9" ht="49.95" customHeight="1" x14ac:dyDescent="0.2">
      <c r="B30" s="9">
        <f t="shared" si="1"/>
        <v>46165</v>
      </c>
      <c r="C30" s="10" t="str">
        <f t="shared" si="0"/>
        <v>土</v>
      </c>
      <c r="D30" s="2"/>
      <c r="E30" s="2"/>
      <c r="F30" s="3"/>
      <c r="G30" s="1"/>
      <c r="H30" s="4"/>
      <c r="I30" s="4"/>
    </row>
    <row r="31" spans="2:9" ht="49.95" customHeight="1" x14ac:dyDescent="0.2">
      <c r="B31" s="9">
        <f t="shared" si="1"/>
        <v>46166</v>
      </c>
      <c r="C31" s="10" t="str">
        <f t="shared" si="0"/>
        <v>日</v>
      </c>
      <c r="D31" s="2"/>
      <c r="E31" s="2"/>
      <c r="F31" s="3"/>
      <c r="G31" s="1"/>
      <c r="H31" s="4"/>
      <c r="I31" s="4"/>
    </row>
    <row r="32" spans="2:9" ht="49.95" customHeight="1" x14ac:dyDescent="0.2">
      <c r="B32" s="9">
        <f t="shared" si="1"/>
        <v>46167</v>
      </c>
      <c r="C32" s="10" t="str">
        <f t="shared" si="0"/>
        <v>月</v>
      </c>
      <c r="D32" s="2"/>
      <c r="E32" s="2"/>
      <c r="F32" s="3"/>
      <c r="G32" s="1"/>
      <c r="H32" s="4"/>
      <c r="I32" s="4"/>
    </row>
    <row r="33" spans="2:9" ht="49.95" customHeight="1" x14ac:dyDescent="0.2">
      <c r="B33" s="9">
        <f t="shared" si="1"/>
        <v>46168</v>
      </c>
      <c r="C33" s="10" t="str">
        <f t="shared" si="0"/>
        <v>火</v>
      </c>
      <c r="D33" s="2"/>
      <c r="E33" s="2"/>
      <c r="F33" s="3"/>
      <c r="G33" s="1"/>
      <c r="H33" s="4"/>
      <c r="I33" s="4"/>
    </row>
    <row r="34" spans="2:9" ht="49.95" customHeight="1" x14ac:dyDescent="0.2">
      <c r="B34" s="9">
        <f t="shared" si="1"/>
        <v>46169</v>
      </c>
      <c r="C34" s="10" t="str">
        <f t="shared" si="0"/>
        <v>水</v>
      </c>
      <c r="D34" s="2"/>
      <c r="E34" s="2"/>
      <c r="F34" s="3"/>
      <c r="G34" s="1"/>
      <c r="H34" s="4"/>
      <c r="I34" s="4"/>
    </row>
    <row r="35" spans="2:9" ht="49.95" customHeight="1" x14ac:dyDescent="0.2">
      <c r="B35" s="9">
        <f t="shared" si="1"/>
        <v>46170</v>
      </c>
      <c r="C35" s="10" t="str">
        <f t="shared" si="0"/>
        <v>木</v>
      </c>
      <c r="D35" s="2"/>
      <c r="E35" s="2"/>
      <c r="F35" s="3"/>
      <c r="G35" s="1"/>
      <c r="H35" s="4"/>
      <c r="I35" s="4"/>
    </row>
    <row r="36" spans="2:9" ht="49.95" customHeight="1" x14ac:dyDescent="0.2">
      <c r="B36" s="9">
        <f t="shared" si="1"/>
        <v>46171</v>
      </c>
      <c r="C36" s="10" t="str">
        <f t="shared" si="0"/>
        <v>金</v>
      </c>
      <c r="D36" s="2"/>
      <c r="E36" s="2"/>
      <c r="F36" s="3"/>
      <c r="G36" s="1"/>
      <c r="H36" s="4"/>
      <c r="I36" s="4"/>
    </row>
    <row r="37" spans="2:9" ht="49.95" customHeight="1" x14ac:dyDescent="0.2">
      <c r="B37" s="9">
        <f t="shared" si="1"/>
        <v>46172</v>
      </c>
      <c r="C37" s="10" t="str">
        <f t="shared" si="0"/>
        <v>土</v>
      </c>
      <c r="D37" s="2"/>
      <c r="E37" s="2"/>
      <c r="F37" s="3"/>
      <c r="G37" s="1"/>
      <c r="H37" s="4"/>
      <c r="I37" s="4"/>
    </row>
    <row r="38" spans="2:9" ht="49.95" customHeight="1" x14ac:dyDescent="0.2">
      <c r="B38" s="9">
        <f t="shared" ref="B38" si="2">B37+1</f>
        <v>46173</v>
      </c>
      <c r="C38" s="8" t="str">
        <f t="shared" ref="C38" si="3">TEXT(B38,"aaa")</f>
        <v>日</v>
      </c>
      <c r="D38" s="2"/>
      <c r="E38" s="2"/>
      <c r="F38" s="3"/>
      <c r="G38" s="1"/>
      <c r="H38" s="4"/>
      <c r="I38" s="4"/>
    </row>
    <row r="39" spans="2:9" ht="45" customHeight="1" x14ac:dyDescent="0.2">
      <c r="B39" s="17" t="s">
        <v>4</v>
      </c>
      <c r="C39" s="18"/>
      <c r="D39" s="18"/>
      <c r="E39" s="18"/>
      <c r="F39" s="1">
        <f>SUM(F8:F38)</f>
        <v>0</v>
      </c>
      <c r="G39" s="1">
        <f>SUM(G8:G38)</f>
        <v>0</v>
      </c>
      <c r="H39" s="4"/>
      <c r="I39" s="6"/>
    </row>
    <row r="42" spans="2:9" ht="18" customHeight="1" x14ac:dyDescent="0.2"/>
  </sheetData>
  <mergeCells count="12">
    <mergeCell ref="I6:I7"/>
    <mergeCell ref="B39:E39"/>
    <mergeCell ref="B1:I2"/>
    <mergeCell ref="B3:C4"/>
    <mergeCell ref="D3:E4"/>
    <mergeCell ref="B6:B7"/>
    <mergeCell ref="C6:C7"/>
    <mergeCell ref="D6:D7"/>
    <mergeCell ref="E6:E7"/>
    <mergeCell ref="F6:F7"/>
    <mergeCell ref="G6:G7"/>
    <mergeCell ref="H6:H7"/>
  </mergeCells>
  <phoneticPr fontId="1"/>
  <conditionalFormatting sqref="D8:F38">
    <cfRule type="expression" dxfId="11" priority="1">
      <formula>ISBLANK(D8)=FALSE</formula>
    </cfRule>
  </conditionalFormatting>
  <dataValidations count="1">
    <dataValidation type="list" allowBlank="1" showInputMessage="1" showErrorMessage="1" sqref="H8:H39" xr:uid="{00000000-0002-0000-0100-000000000000}">
      <formula1>"幼稚園の入口における園児の受け入れ,園児の建物内への誘導,担任教員に対する登園状況の報告"</formula1>
    </dataValidation>
  </dataValidations>
  <printOptions horizontalCentered="1"/>
  <pageMargins left="0.51181102362204722" right="0.51181102362204722" top="0.55118110236220474" bottom="0.55118110236220474" header="0.39370078740157483" footer="0.31496062992125984"/>
  <pageSetup paperSize="9" scale="47" orientation="portrait" r:id="rId1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200-000000000000}">
  <sheetPr>
    <pageSetUpPr fitToPage="1"/>
  </sheetPr>
  <dimension ref="B1:I41"/>
  <sheetViews>
    <sheetView view="pageBreakPreview" zoomScale="55" zoomScaleNormal="55" zoomScaleSheetLayoutView="55" workbookViewId="0">
      <pane xSplit="1" ySplit="7" topLeftCell="B8" activePane="bottomRight" state="frozen"/>
      <selection pane="topRight" activeCell="B1" sqref="B1"/>
      <selection pane="bottomLeft" activeCell="A8" sqref="A8"/>
      <selection pane="bottomRight" activeCell="I3" sqref="I3"/>
    </sheetView>
  </sheetViews>
  <sheetFormatPr defaultColWidth="13" defaultRowHeight="14.4" x14ac:dyDescent="0.2"/>
  <cols>
    <col min="1" max="1" width="2.69921875" customWidth="1"/>
    <col min="2" max="2" width="10.69921875" customWidth="1"/>
    <col min="3" max="3" width="10.69921875" style="5" customWidth="1"/>
    <col min="4" max="7" width="18.69921875" customWidth="1"/>
    <col min="8" max="8" width="45.69921875" customWidth="1"/>
    <col min="9" max="9" width="12.09765625" customWidth="1"/>
    <col min="10" max="10" width="11.59765625" customWidth="1"/>
    <col min="11" max="11" width="1.59765625" customWidth="1"/>
    <col min="13" max="13" width="3" customWidth="1"/>
  </cols>
  <sheetData>
    <row r="1" spans="2:9" ht="19.95" customHeight="1" x14ac:dyDescent="0.2">
      <c r="B1" s="14">
        <f>年度設定シート!D3</f>
        <v>46174</v>
      </c>
      <c r="C1" s="14"/>
      <c r="D1" s="14"/>
      <c r="E1" s="14"/>
      <c r="F1" s="14"/>
      <c r="G1" s="14"/>
      <c r="H1" s="14"/>
      <c r="I1" s="14"/>
    </row>
    <row r="2" spans="2:9" ht="19.95" customHeight="1" x14ac:dyDescent="0.2">
      <c r="B2" s="14"/>
      <c r="C2" s="14"/>
      <c r="D2" s="14"/>
      <c r="E2" s="14"/>
      <c r="F2" s="14"/>
      <c r="G2" s="14"/>
      <c r="H2" s="14"/>
      <c r="I2" s="14"/>
    </row>
    <row r="3" spans="2:9" ht="19.95" customHeight="1" x14ac:dyDescent="0.2">
      <c r="B3" s="19" t="s">
        <v>6</v>
      </c>
      <c r="C3" s="20"/>
      <c r="D3" s="19"/>
      <c r="E3" s="23"/>
    </row>
    <row r="4" spans="2:9" ht="19.95" customHeight="1" x14ac:dyDescent="0.2">
      <c r="B4" s="21"/>
      <c r="C4" s="22"/>
      <c r="D4" s="24"/>
      <c r="E4" s="25"/>
    </row>
    <row r="5" spans="2:9" ht="15" customHeight="1" x14ac:dyDescent="0.2"/>
    <row r="6" spans="2:9" ht="19.95" customHeight="1" x14ac:dyDescent="0.2">
      <c r="B6" s="17" t="s">
        <v>0</v>
      </c>
      <c r="C6" s="26" t="s">
        <v>1</v>
      </c>
      <c r="D6" s="18" t="s">
        <v>2</v>
      </c>
      <c r="E6" s="18" t="s">
        <v>3</v>
      </c>
      <c r="F6" s="18" t="s">
        <v>7</v>
      </c>
      <c r="G6" s="18" t="s">
        <v>8</v>
      </c>
      <c r="H6" s="18" t="s">
        <v>9</v>
      </c>
      <c r="I6" s="18" t="s">
        <v>5</v>
      </c>
    </row>
    <row r="7" spans="2:9" ht="19.95" customHeight="1" x14ac:dyDescent="0.2">
      <c r="B7" s="18"/>
      <c r="C7" s="26"/>
      <c r="D7" s="18"/>
      <c r="E7" s="18"/>
      <c r="F7" s="18"/>
      <c r="G7" s="18"/>
      <c r="H7" s="18"/>
      <c r="I7" s="18"/>
    </row>
    <row r="8" spans="2:9" ht="49.95" customHeight="1" x14ac:dyDescent="0.2">
      <c r="B8" s="9">
        <f>B1</f>
        <v>46174</v>
      </c>
      <c r="C8" s="10" t="str">
        <f>TEXT(B8,"aaa")</f>
        <v>月</v>
      </c>
      <c r="D8" s="2"/>
      <c r="E8" s="2"/>
      <c r="F8" s="3"/>
      <c r="G8" s="1"/>
      <c r="H8" s="4"/>
      <c r="I8" s="4"/>
    </row>
    <row r="9" spans="2:9" ht="49.95" customHeight="1" x14ac:dyDescent="0.2">
      <c r="B9" s="9">
        <f>B8+1</f>
        <v>46175</v>
      </c>
      <c r="C9" s="10" t="str">
        <f t="shared" ref="C9:C37" si="0">TEXT(B9,"aaa")</f>
        <v>火</v>
      </c>
      <c r="D9" s="2"/>
      <c r="E9" s="2"/>
      <c r="F9" s="3"/>
      <c r="G9" s="1"/>
      <c r="H9" s="4"/>
      <c r="I9" s="4"/>
    </row>
    <row r="10" spans="2:9" ht="49.95" customHeight="1" x14ac:dyDescent="0.2">
      <c r="B10" s="9">
        <f t="shared" ref="B10:B37" si="1">B9+1</f>
        <v>46176</v>
      </c>
      <c r="C10" s="10" t="str">
        <f t="shared" si="0"/>
        <v>水</v>
      </c>
      <c r="D10" s="2"/>
      <c r="E10" s="2"/>
      <c r="F10" s="3"/>
      <c r="G10" s="1"/>
      <c r="H10" s="4"/>
      <c r="I10" s="4"/>
    </row>
    <row r="11" spans="2:9" ht="49.95" customHeight="1" x14ac:dyDescent="0.2">
      <c r="B11" s="9">
        <f t="shared" si="1"/>
        <v>46177</v>
      </c>
      <c r="C11" s="10" t="str">
        <f t="shared" si="0"/>
        <v>木</v>
      </c>
      <c r="D11" s="2"/>
      <c r="E11" s="2"/>
      <c r="F11" s="3"/>
      <c r="G11" s="1"/>
      <c r="H11" s="4"/>
      <c r="I11" s="4"/>
    </row>
    <row r="12" spans="2:9" ht="49.95" customHeight="1" x14ac:dyDescent="0.2">
      <c r="B12" s="9">
        <f t="shared" si="1"/>
        <v>46178</v>
      </c>
      <c r="C12" s="10" t="str">
        <f t="shared" si="0"/>
        <v>金</v>
      </c>
      <c r="D12" s="2"/>
      <c r="E12" s="2"/>
      <c r="F12" s="3"/>
      <c r="G12" s="1"/>
      <c r="H12" s="4"/>
      <c r="I12" s="4"/>
    </row>
    <row r="13" spans="2:9" ht="49.95" customHeight="1" x14ac:dyDescent="0.2">
      <c r="B13" s="9">
        <f t="shared" si="1"/>
        <v>46179</v>
      </c>
      <c r="C13" s="10" t="str">
        <f t="shared" si="0"/>
        <v>土</v>
      </c>
      <c r="D13" s="2"/>
      <c r="E13" s="2"/>
      <c r="F13" s="3"/>
      <c r="G13" s="1"/>
      <c r="H13" s="4"/>
      <c r="I13" s="4"/>
    </row>
    <row r="14" spans="2:9" ht="49.95" customHeight="1" x14ac:dyDescent="0.2">
      <c r="B14" s="9">
        <f t="shared" si="1"/>
        <v>46180</v>
      </c>
      <c r="C14" s="10" t="str">
        <f t="shared" si="0"/>
        <v>日</v>
      </c>
      <c r="D14" s="2"/>
      <c r="E14" s="2"/>
      <c r="F14" s="3"/>
      <c r="G14" s="1"/>
      <c r="H14" s="4"/>
      <c r="I14" s="4"/>
    </row>
    <row r="15" spans="2:9" ht="49.95" customHeight="1" x14ac:dyDescent="0.2">
      <c r="B15" s="9">
        <f t="shared" si="1"/>
        <v>46181</v>
      </c>
      <c r="C15" s="10" t="str">
        <f t="shared" si="0"/>
        <v>月</v>
      </c>
      <c r="D15" s="2"/>
      <c r="E15" s="2"/>
      <c r="F15" s="3"/>
      <c r="G15" s="1"/>
      <c r="H15" s="4"/>
      <c r="I15" s="4"/>
    </row>
    <row r="16" spans="2:9" ht="49.95" customHeight="1" x14ac:dyDescent="0.2">
      <c r="B16" s="9">
        <f t="shared" si="1"/>
        <v>46182</v>
      </c>
      <c r="C16" s="10" t="str">
        <f t="shared" si="0"/>
        <v>火</v>
      </c>
      <c r="D16" s="2"/>
      <c r="E16" s="2"/>
      <c r="F16" s="3"/>
      <c r="G16" s="1"/>
      <c r="H16" s="4"/>
      <c r="I16" s="4"/>
    </row>
    <row r="17" spans="2:9" ht="49.95" customHeight="1" x14ac:dyDescent="0.2">
      <c r="B17" s="9">
        <f t="shared" si="1"/>
        <v>46183</v>
      </c>
      <c r="C17" s="10" t="str">
        <f t="shared" si="0"/>
        <v>水</v>
      </c>
      <c r="D17" s="2"/>
      <c r="E17" s="2"/>
      <c r="F17" s="3"/>
      <c r="G17" s="1"/>
      <c r="H17" s="4"/>
      <c r="I17" s="4"/>
    </row>
    <row r="18" spans="2:9" ht="49.95" customHeight="1" x14ac:dyDescent="0.2">
      <c r="B18" s="9">
        <f t="shared" si="1"/>
        <v>46184</v>
      </c>
      <c r="C18" s="10" t="str">
        <f t="shared" si="0"/>
        <v>木</v>
      </c>
      <c r="D18" s="2"/>
      <c r="E18" s="2"/>
      <c r="F18" s="3"/>
      <c r="G18" s="1"/>
      <c r="H18" s="4"/>
      <c r="I18" s="4"/>
    </row>
    <row r="19" spans="2:9" ht="49.95" customHeight="1" x14ac:dyDescent="0.2">
      <c r="B19" s="9">
        <f t="shared" si="1"/>
        <v>46185</v>
      </c>
      <c r="C19" s="10" t="str">
        <f t="shared" si="0"/>
        <v>金</v>
      </c>
      <c r="D19" s="2"/>
      <c r="E19" s="2"/>
      <c r="F19" s="3"/>
      <c r="G19" s="1"/>
      <c r="H19" s="4"/>
      <c r="I19" s="4"/>
    </row>
    <row r="20" spans="2:9" ht="49.95" customHeight="1" x14ac:dyDescent="0.2">
      <c r="B20" s="9">
        <f t="shared" si="1"/>
        <v>46186</v>
      </c>
      <c r="C20" s="10" t="str">
        <f t="shared" si="0"/>
        <v>土</v>
      </c>
      <c r="D20" s="2"/>
      <c r="E20" s="2"/>
      <c r="F20" s="3"/>
      <c r="G20" s="1"/>
      <c r="H20" s="4"/>
      <c r="I20" s="4"/>
    </row>
    <row r="21" spans="2:9" ht="49.95" customHeight="1" x14ac:dyDescent="0.2">
      <c r="B21" s="9">
        <f t="shared" si="1"/>
        <v>46187</v>
      </c>
      <c r="C21" s="10" t="str">
        <f t="shared" si="0"/>
        <v>日</v>
      </c>
      <c r="D21" s="2"/>
      <c r="E21" s="2"/>
      <c r="F21" s="3"/>
      <c r="G21" s="1"/>
      <c r="H21" s="4"/>
      <c r="I21" s="4"/>
    </row>
    <row r="22" spans="2:9" ht="49.95" customHeight="1" x14ac:dyDescent="0.2">
      <c r="B22" s="9">
        <f t="shared" si="1"/>
        <v>46188</v>
      </c>
      <c r="C22" s="10" t="str">
        <f t="shared" si="0"/>
        <v>月</v>
      </c>
      <c r="D22" s="2"/>
      <c r="E22" s="2"/>
      <c r="F22" s="3"/>
      <c r="G22" s="1"/>
      <c r="H22" s="4"/>
      <c r="I22" s="4"/>
    </row>
    <row r="23" spans="2:9" ht="49.95" customHeight="1" x14ac:dyDescent="0.2">
      <c r="B23" s="9">
        <f t="shared" si="1"/>
        <v>46189</v>
      </c>
      <c r="C23" s="10" t="str">
        <f t="shared" si="0"/>
        <v>火</v>
      </c>
      <c r="D23" s="2"/>
      <c r="E23" s="2"/>
      <c r="F23" s="3"/>
      <c r="G23" s="1"/>
      <c r="H23" s="4"/>
      <c r="I23" s="4"/>
    </row>
    <row r="24" spans="2:9" ht="49.95" customHeight="1" x14ac:dyDescent="0.2">
      <c r="B24" s="9">
        <f t="shared" si="1"/>
        <v>46190</v>
      </c>
      <c r="C24" s="10" t="str">
        <f t="shared" si="0"/>
        <v>水</v>
      </c>
      <c r="D24" s="2"/>
      <c r="E24" s="2"/>
      <c r="F24" s="3"/>
      <c r="G24" s="1"/>
      <c r="H24" s="4"/>
      <c r="I24" s="4"/>
    </row>
    <row r="25" spans="2:9" ht="49.95" customHeight="1" x14ac:dyDescent="0.2">
      <c r="B25" s="9">
        <f t="shared" si="1"/>
        <v>46191</v>
      </c>
      <c r="C25" s="10" t="str">
        <f t="shared" si="0"/>
        <v>木</v>
      </c>
      <c r="D25" s="2"/>
      <c r="E25" s="2"/>
      <c r="F25" s="3"/>
      <c r="G25" s="1"/>
      <c r="H25" s="4"/>
      <c r="I25" s="4"/>
    </row>
    <row r="26" spans="2:9" ht="49.95" customHeight="1" x14ac:dyDescent="0.2">
      <c r="B26" s="9">
        <f t="shared" si="1"/>
        <v>46192</v>
      </c>
      <c r="C26" s="10" t="str">
        <f t="shared" si="0"/>
        <v>金</v>
      </c>
      <c r="D26" s="2"/>
      <c r="E26" s="2"/>
      <c r="F26" s="3"/>
      <c r="G26" s="1"/>
      <c r="H26" s="4"/>
      <c r="I26" s="4"/>
    </row>
    <row r="27" spans="2:9" ht="49.95" customHeight="1" x14ac:dyDescent="0.2">
      <c r="B27" s="9">
        <f t="shared" si="1"/>
        <v>46193</v>
      </c>
      <c r="C27" s="10" t="str">
        <f t="shared" si="0"/>
        <v>土</v>
      </c>
      <c r="D27" s="2"/>
      <c r="E27" s="2"/>
      <c r="F27" s="3"/>
      <c r="G27" s="1"/>
      <c r="H27" s="4"/>
      <c r="I27" s="4"/>
    </row>
    <row r="28" spans="2:9" ht="49.95" customHeight="1" x14ac:dyDescent="0.2">
      <c r="B28" s="9">
        <f t="shared" si="1"/>
        <v>46194</v>
      </c>
      <c r="C28" s="10" t="str">
        <f t="shared" si="0"/>
        <v>日</v>
      </c>
      <c r="D28" s="2"/>
      <c r="E28" s="2"/>
      <c r="F28" s="3"/>
      <c r="G28" s="1"/>
      <c r="H28" s="4"/>
      <c r="I28" s="4"/>
    </row>
    <row r="29" spans="2:9" ht="49.95" customHeight="1" x14ac:dyDescent="0.2">
      <c r="B29" s="9">
        <f t="shared" si="1"/>
        <v>46195</v>
      </c>
      <c r="C29" s="10" t="str">
        <f t="shared" si="0"/>
        <v>月</v>
      </c>
      <c r="D29" s="2"/>
      <c r="E29" s="2"/>
      <c r="F29" s="3"/>
      <c r="G29" s="1"/>
      <c r="H29" s="4"/>
      <c r="I29" s="4"/>
    </row>
    <row r="30" spans="2:9" ht="49.95" customHeight="1" x14ac:dyDescent="0.2">
      <c r="B30" s="9">
        <f t="shared" si="1"/>
        <v>46196</v>
      </c>
      <c r="C30" s="10" t="str">
        <f t="shared" si="0"/>
        <v>火</v>
      </c>
      <c r="D30" s="2"/>
      <c r="E30" s="2"/>
      <c r="F30" s="3"/>
      <c r="G30" s="1"/>
      <c r="H30" s="4"/>
      <c r="I30" s="4"/>
    </row>
    <row r="31" spans="2:9" ht="49.95" customHeight="1" x14ac:dyDescent="0.2">
      <c r="B31" s="9">
        <f t="shared" si="1"/>
        <v>46197</v>
      </c>
      <c r="C31" s="10" t="str">
        <f t="shared" si="0"/>
        <v>水</v>
      </c>
      <c r="D31" s="2"/>
      <c r="E31" s="2"/>
      <c r="F31" s="3"/>
      <c r="G31" s="1"/>
      <c r="H31" s="4"/>
      <c r="I31" s="4"/>
    </row>
    <row r="32" spans="2:9" ht="49.95" customHeight="1" x14ac:dyDescent="0.2">
      <c r="B32" s="9">
        <f t="shared" si="1"/>
        <v>46198</v>
      </c>
      <c r="C32" s="10" t="str">
        <f t="shared" si="0"/>
        <v>木</v>
      </c>
      <c r="D32" s="2"/>
      <c r="E32" s="2"/>
      <c r="F32" s="3"/>
      <c r="G32" s="1"/>
      <c r="H32" s="4"/>
      <c r="I32" s="4"/>
    </row>
    <row r="33" spans="2:9" ht="49.95" customHeight="1" x14ac:dyDescent="0.2">
      <c r="B33" s="9">
        <f t="shared" si="1"/>
        <v>46199</v>
      </c>
      <c r="C33" s="10" t="str">
        <f t="shared" si="0"/>
        <v>金</v>
      </c>
      <c r="D33" s="2"/>
      <c r="E33" s="2"/>
      <c r="F33" s="3"/>
      <c r="G33" s="1"/>
      <c r="H33" s="4"/>
      <c r="I33" s="4"/>
    </row>
    <row r="34" spans="2:9" ht="49.95" customHeight="1" x14ac:dyDescent="0.2">
      <c r="B34" s="9">
        <f t="shared" si="1"/>
        <v>46200</v>
      </c>
      <c r="C34" s="10" t="str">
        <f t="shared" si="0"/>
        <v>土</v>
      </c>
      <c r="D34" s="2"/>
      <c r="E34" s="2"/>
      <c r="F34" s="3"/>
      <c r="G34" s="1"/>
      <c r="H34" s="4"/>
      <c r="I34" s="4"/>
    </row>
    <row r="35" spans="2:9" ht="49.95" customHeight="1" x14ac:dyDescent="0.2">
      <c r="B35" s="9">
        <f t="shared" si="1"/>
        <v>46201</v>
      </c>
      <c r="C35" s="10" t="str">
        <f t="shared" si="0"/>
        <v>日</v>
      </c>
      <c r="D35" s="2"/>
      <c r="E35" s="2"/>
      <c r="F35" s="3"/>
      <c r="G35" s="1"/>
      <c r="H35" s="4"/>
      <c r="I35" s="4"/>
    </row>
    <row r="36" spans="2:9" ht="49.95" customHeight="1" x14ac:dyDescent="0.2">
      <c r="B36" s="9">
        <f t="shared" si="1"/>
        <v>46202</v>
      </c>
      <c r="C36" s="10" t="str">
        <f t="shared" si="0"/>
        <v>月</v>
      </c>
      <c r="D36" s="2"/>
      <c r="E36" s="2"/>
      <c r="F36" s="3"/>
      <c r="G36" s="1"/>
      <c r="H36" s="4"/>
      <c r="I36" s="4"/>
    </row>
    <row r="37" spans="2:9" ht="49.95" customHeight="1" x14ac:dyDescent="0.2">
      <c r="B37" s="9">
        <f t="shared" si="1"/>
        <v>46203</v>
      </c>
      <c r="C37" s="10" t="str">
        <f t="shared" si="0"/>
        <v>火</v>
      </c>
      <c r="D37" s="2"/>
      <c r="E37" s="2"/>
      <c r="F37" s="3"/>
      <c r="G37" s="1"/>
      <c r="H37" s="4"/>
      <c r="I37" s="4"/>
    </row>
    <row r="38" spans="2:9" ht="45" customHeight="1" x14ac:dyDescent="0.2">
      <c r="B38" s="17" t="s">
        <v>4</v>
      </c>
      <c r="C38" s="18"/>
      <c r="D38" s="18"/>
      <c r="E38" s="18"/>
      <c r="F38" s="1">
        <f>SUM(F8:F37)</f>
        <v>0</v>
      </c>
      <c r="G38" s="1">
        <f>SUM(G8:G37)</f>
        <v>0</v>
      </c>
      <c r="H38" s="4"/>
      <c r="I38" s="6"/>
    </row>
    <row r="41" spans="2:9" ht="18" customHeight="1" x14ac:dyDescent="0.2"/>
  </sheetData>
  <mergeCells count="12">
    <mergeCell ref="B38:E38"/>
    <mergeCell ref="I6:I7"/>
    <mergeCell ref="B1:I2"/>
    <mergeCell ref="B3:C4"/>
    <mergeCell ref="D3:E4"/>
    <mergeCell ref="B6:B7"/>
    <mergeCell ref="C6:C7"/>
    <mergeCell ref="D6:D7"/>
    <mergeCell ref="E6:E7"/>
    <mergeCell ref="F6:F7"/>
    <mergeCell ref="G6:G7"/>
    <mergeCell ref="H6:H7"/>
  </mergeCells>
  <phoneticPr fontId="1"/>
  <conditionalFormatting sqref="D8:F37">
    <cfRule type="expression" dxfId="10" priority="1">
      <formula>ISBLANK(D8)=FALSE</formula>
    </cfRule>
  </conditionalFormatting>
  <dataValidations count="1">
    <dataValidation type="list" allowBlank="1" showInputMessage="1" showErrorMessage="1" sqref="H8:H38" xr:uid="{00000000-0002-0000-0200-000000000000}">
      <formula1>"幼稚園の入口における園児の受け入れ,園児の建物内への誘導,担任教員に対する登園状況の報告"</formula1>
    </dataValidation>
  </dataValidations>
  <printOptions horizontalCentered="1"/>
  <pageMargins left="0.51181102362204722" right="0.51181102362204722" top="0.55118110236220474" bottom="0.55118110236220474" header="0.39370078740157483" footer="0.31496062992125984"/>
  <pageSetup paperSize="9" scale="48" orientation="portrait" r:id="rId1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300-000000000000}">
  <sheetPr>
    <pageSetUpPr fitToPage="1"/>
  </sheetPr>
  <dimension ref="B1:I42"/>
  <sheetViews>
    <sheetView view="pageBreakPreview" zoomScale="55" zoomScaleNormal="55" zoomScaleSheetLayoutView="55" workbookViewId="0">
      <pane xSplit="1" ySplit="7" topLeftCell="B8" activePane="bottomRight" state="frozen"/>
      <selection pane="topRight" activeCell="B1" sqref="B1"/>
      <selection pane="bottomLeft" activeCell="A8" sqref="A8"/>
      <selection pane="bottomRight" activeCell="I3" sqref="I3"/>
    </sheetView>
  </sheetViews>
  <sheetFormatPr defaultColWidth="13" defaultRowHeight="14.4" x14ac:dyDescent="0.2"/>
  <cols>
    <col min="1" max="1" width="2.69921875" customWidth="1"/>
    <col min="2" max="2" width="10.69921875" customWidth="1"/>
    <col min="3" max="3" width="10.69921875" style="5" customWidth="1"/>
    <col min="4" max="7" width="18.69921875" customWidth="1"/>
    <col min="8" max="8" width="45.69921875" customWidth="1"/>
    <col min="9" max="9" width="12.09765625" customWidth="1"/>
    <col min="10" max="10" width="11.59765625" customWidth="1"/>
    <col min="11" max="11" width="1.59765625" customWidth="1"/>
    <col min="13" max="13" width="3" customWidth="1"/>
  </cols>
  <sheetData>
    <row r="1" spans="2:9" ht="19.95" customHeight="1" x14ac:dyDescent="0.2">
      <c r="B1" s="14">
        <f>年度設定シート!D4</f>
        <v>46204</v>
      </c>
      <c r="C1" s="14"/>
      <c r="D1" s="14"/>
      <c r="E1" s="14"/>
      <c r="F1" s="14"/>
      <c r="G1" s="14"/>
      <c r="H1" s="14"/>
      <c r="I1" s="14"/>
    </row>
    <row r="2" spans="2:9" ht="19.95" customHeight="1" x14ac:dyDescent="0.2">
      <c r="B2" s="14"/>
      <c r="C2" s="14"/>
      <c r="D2" s="14"/>
      <c r="E2" s="14"/>
      <c r="F2" s="14"/>
      <c r="G2" s="14"/>
      <c r="H2" s="14"/>
      <c r="I2" s="14"/>
    </row>
    <row r="3" spans="2:9" ht="19.95" customHeight="1" x14ac:dyDescent="0.2">
      <c r="B3" s="19" t="s">
        <v>6</v>
      </c>
      <c r="C3" s="20"/>
      <c r="D3" s="19"/>
      <c r="E3" s="23"/>
    </row>
    <row r="4" spans="2:9" ht="19.95" customHeight="1" x14ac:dyDescent="0.2">
      <c r="B4" s="21"/>
      <c r="C4" s="22"/>
      <c r="D4" s="24"/>
      <c r="E4" s="25"/>
    </row>
    <row r="5" spans="2:9" ht="15" customHeight="1" x14ac:dyDescent="0.2"/>
    <row r="6" spans="2:9" ht="19.95" customHeight="1" x14ac:dyDescent="0.2">
      <c r="B6" s="17" t="s">
        <v>0</v>
      </c>
      <c r="C6" s="26" t="s">
        <v>1</v>
      </c>
      <c r="D6" s="18" t="s">
        <v>2</v>
      </c>
      <c r="E6" s="18" t="s">
        <v>3</v>
      </c>
      <c r="F6" s="18" t="s">
        <v>7</v>
      </c>
      <c r="G6" s="18" t="s">
        <v>8</v>
      </c>
      <c r="H6" s="18" t="s">
        <v>9</v>
      </c>
      <c r="I6" s="18" t="s">
        <v>5</v>
      </c>
    </row>
    <row r="7" spans="2:9" ht="19.95" customHeight="1" x14ac:dyDescent="0.2">
      <c r="B7" s="18"/>
      <c r="C7" s="26"/>
      <c r="D7" s="18"/>
      <c r="E7" s="18"/>
      <c r="F7" s="18"/>
      <c r="G7" s="18"/>
      <c r="H7" s="18"/>
      <c r="I7" s="18"/>
    </row>
    <row r="8" spans="2:9" ht="49.95" customHeight="1" x14ac:dyDescent="0.2">
      <c r="B8" s="9">
        <f>B1</f>
        <v>46204</v>
      </c>
      <c r="C8" s="10" t="str">
        <f>TEXT(B8,"aaa")</f>
        <v>水</v>
      </c>
      <c r="D8" s="2"/>
      <c r="E8" s="2"/>
      <c r="F8" s="3"/>
      <c r="G8" s="1"/>
      <c r="H8" s="4"/>
      <c r="I8" s="4"/>
    </row>
    <row r="9" spans="2:9" ht="49.95" customHeight="1" x14ac:dyDescent="0.2">
      <c r="B9" s="9">
        <f>B8+1</f>
        <v>46205</v>
      </c>
      <c r="C9" s="10" t="str">
        <f t="shared" ref="C9:C38" si="0">TEXT(B9,"aaa")</f>
        <v>木</v>
      </c>
      <c r="D9" s="2"/>
      <c r="E9" s="2"/>
      <c r="F9" s="3"/>
      <c r="G9" s="1"/>
      <c r="H9" s="4"/>
      <c r="I9" s="4"/>
    </row>
    <row r="10" spans="2:9" ht="49.95" customHeight="1" x14ac:dyDescent="0.2">
      <c r="B10" s="9">
        <f t="shared" ref="B10:B38" si="1">B9+1</f>
        <v>46206</v>
      </c>
      <c r="C10" s="10" t="str">
        <f t="shared" si="0"/>
        <v>金</v>
      </c>
      <c r="D10" s="2"/>
      <c r="E10" s="2"/>
      <c r="F10" s="3"/>
      <c r="G10" s="1"/>
      <c r="H10" s="4"/>
      <c r="I10" s="4"/>
    </row>
    <row r="11" spans="2:9" ht="49.95" customHeight="1" x14ac:dyDescent="0.2">
      <c r="B11" s="9">
        <f t="shared" si="1"/>
        <v>46207</v>
      </c>
      <c r="C11" s="10" t="str">
        <f t="shared" si="0"/>
        <v>土</v>
      </c>
      <c r="D11" s="2"/>
      <c r="E11" s="2"/>
      <c r="F11" s="3"/>
      <c r="G11" s="1"/>
      <c r="H11" s="4"/>
      <c r="I11" s="4"/>
    </row>
    <row r="12" spans="2:9" ht="49.95" customHeight="1" x14ac:dyDescent="0.2">
      <c r="B12" s="9">
        <f t="shared" si="1"/>
        <v>46208</v>
      </c>
      <c r="C12" s="10" t="str">
        <f t="shared" si="0"/>
        <v>日</v>
      </c>
      <c r="D12" s="2"/>
      <c r="E12" s="2"/>
      <c r="F12" s="3"/>
      <c r="G12" s="1"/>
      <c r="H12" s="4"/>
      <c r="I12" s="4"/>
    </row>
    <row r="13" spans="2:9" ht="49.95" customHeight="1" x14ac:dyDescent="0.2">
      <c r="B13" s="9">
        <f t="shared" si="1"/>
        <v>46209</v>
      </c>
      <c r="C13" s="10" t="str">
        <f t="shared" si="0"/>
        <v>月</v>
      </c>
      <c r="D13" s="2"/>
      <c r="E13" s="2"/>
      <c r="F13" s="3"/>
      <c r="G13" s="1"/>
      <c r="H13" s="4"/>
      <c r="I13" s="4"/>
    </row>
    <row r="14" spans="2:9" ht="49.95" customHeight="1" x14ac:dyDescent="0.2">
      <c r="B14" s="9">
        <f t="shared" si="1"/>
        <v>46210</v>
      </c>
      <c r="C14" s="10" t="str">
        <f t="shared" si="0"/>
        <v>火</v>
      </c>
      <c r="D14" s="2"/>
      <c r="E14" s="2"/>
      <c r="F14" s="3"/>
      <c r="G14" s="1"/>
      <c r="H14" s="4"/>
      <c r="I14" s="4"/>
    </row>
    <row r="15" spans="2:9" ht="49.95" customHeight="1" x14ac:dyDescent="0.2">
      <c r="B15" s="9">
        <f t="shared" si="1"/>
        <v>46211</v>
      </c>
      <c r="C15" s="10" t="str">
        <f t="shared" si="0"/>
        <v>水</v>
      </c>
      <c r="D15" s="2"/>
      <c r="E15" s="2"/>
      <c r="F15" s="3"/>
      <c r="G15" s="1"/>
      <c r="H15" s="4"/>
      <c r="I15" s="4"/>
    </row>
    <row r="16" spans="2:9" ht="49.95" customHeight="1" x14ac:dyDescent="0.2">
      <c r="B16" s="9">
        <f t="shared" si="1"/>
        <v>46212</v>
      </c>
      <c r="C16" s="10" t="str">
        <f t="shared" si="0"/>
        <v>木</v>
      </c>
      <c r="D16" s="2"/>
      <c r="E16" s="2"/>
      <c r="F16" s="3"/>
      <c r="G16" s="1"/>
      <c r="H16" s="4"/>
      <c r="I16" s="4"/>
    </row>
    <row r="17" spans="2:9" ht="49.95" customHeight="1" x14ac:dyDescent="0.2">
      <c r="B17" s="9">
        <f t="shared" si="1"/>
        <v>46213</v>
      </c>
      <c r="C17" s="10" t="str">
        <f t="shared" si="0"/>
        <v>金</v>
      </c>
      <c r="D17" s="2"/>
      <c r="E17" s="2"/>
      <c r="F17" s="3"/>
      <c r="G17" s="1"/>
      <c r="H17" s="4"/>
      <c r="I17" s="4"/>
    </row>
    <row r="18" spans="2:9" ht="49.95" customHeight="1" x14ac:dyDescent="0.2">
      <c r="B18" s="9">
        <f t="shared" si="1"/>
        <v>46214</v>
      </c>
      <c r="C18" s="10" t="str">
        <f t="shared" si="0"/>
        <v>土</v>
      </c>
      <c r="D18" s="2"/>
      <c r="E18" s="2"/>
      <c r="F18" s="3"/>
      <c r="G18" s="1"/>
      <c r="H18" s="4"/>
      <c r="I18" s="4"/>
    </row>
    <row r="19" spans="2:9" ht="49.95" customHeight="1" x14ac:dyDescent="0.2">
      <c r="B19" s="9">
        <f t="shared" si="1"/>
        <v>46215</v>
      </c>
      <c r="C19" s="10" t="str">
        <f t="shared" si="0"/>
        <v>日</v>
      </c>
      <c r="D19" s="2"/>
      <c r="E19" s="2"/>
      <c r="F19" s="3"/>
      <c r="G19" s="1"/>
      <c r="H19" s="4"/>
      <c r="I19" s="4"/>
    </row>
    <row r="20" spans="2:9" ht="49.95" customHeight="1" x14ac:dyDescent="0.2">
      <c r="B20" s="9">
        <f t="shared" si="1"/>
        <v>46216</v>
      </c>
      <c r="C20" s="10" t="str">
        <f t="shared" si="0"/>
        <v>月</v>
      </c>
      <c r="D20" s="2"/>
      <c r="E20" s="2"/>
      <c r="F20" s="3"/>
      <c r="G20" s="1"/>
      <c r="H20" s="4"/>
      <c r="I20" s="4"/>
    </row>
    <row r="21" spans="2:9" ht="49.95" customHeight="1" x14ac:dyDescent="0.2">
      <c r="B21" s="9">
        <f t="shared" si="1"/>
        <v>46217</v>
      </c>
      <c r="C21" s="10" t="str">
        <f t="shared" si="0"/>
        <v>火</v>
      </c>
      <c r="D21" s="2"/>
      <c r="E21" s="2"/>
      <c r="F21" s="3"/>
      <c r="G21" s="1"/>
      <c r="H21" s="4"/>
      <c r="I21" s="4"/>
    </row>
    <row r="22" spans="2:9" ht="49.95" customHeight="1" x14ac:dyDescent="0.2">
      <c r="B22" s="9">
        <f t="shared" si="1"/>
        <v>46218</v>
      </c>
      <c r="C22" s="10" t="str">
        <f t="shared" si="0"/>
        <v>水</v>
      </c>
      <c r="D22" s="2"/>
      <c r="E22" s="2"/>
      <c r="F22" s="3"/>
      <c r="G22" s="1"/>
      <c r="H22" s="4"/>
      <c r="I22" s="4"/>
    </row>
    <row r="23" spans="2:9" ht="49.95" customHeight="1" x14ac:dyDescent="0.2">
      <c r="B23" s="9">
        <f t="shared" si="1"/>
        <v>46219</v>
      </c>
      <c r="C23" s="10" t="str">
        <f t="shared" si="0"/>
        <v>木</v>
      </c>
      <c r="D23" s="2"/>
      <c r="E23" s="2"/>
      <c r="F23" s="3"/>
      <c r="G23" s="1"/>
      <c r="H23" s="4"/>
      <c r="I23" s="4"/>
    </row>
    <row r="24" spans="2:9" ht="49.95" customHeight="1" x14ac:dyDescent="0.2">
      <c r="B24" s="9">
        <f t="shared" si="1"/>
        <v>46220</v>
      </c>
      <c r="C24" s="10" t="str">
        <f t="shared" si="0"/>
        <v>金</v>
      </c>
      <c r="D24" s="2"/>
      <c r="E24" s="2"/>
      <c r="F24" s="3"/>
      <c r="G24" s="1"/>
      <c r="H24" s="4"/>
      <c r="I24" s="4"/>
    </row>
    <row r="25" spans="2:9" ht="49.95" customHeight="1" x14ac:dyDescent="0.2">
      <c r="B25" s="9">
        <f t="shared" si="1"/>
        <v>46221</v>
      </c>
      <c r="C25" s="10" t="str">
        <f t="shared" si="0"/>
        <v>土</v>
      </c>
      <c r="D25" s="2"/>
      <c r="E25" s="2"/>
      <c r="F25" s="3"/>
      <c r="G25" s="1"/>
      <c r="H25" s="4"/>
      <c r="I25" s="4"/>
    </row>
    <row r="26" spans="2:9" ht="49.95" customHeight="1" x14ac:dyDescent="0.2">
      <c r="B26" s="9">
        <f t="shared" si="1"/>
        <v>46222</v>
      </c>
      <c r="C26" s="10" t="str">
        <f t="shared" si="0"/>
        <v>日</v>
      </c>
      <c r="D26" s="2"/>
      <c r="E26" s="2"/>
      <c r="F26" s="3"/>
      <c r="G26" s="1"/>
      <c r="H26" s="4"/>
      <c r="I26" s="4"/>
    </row>
    <row r="27" spans="2:9" ht="49.95" customHeight="1" x14ac:dyDescent="0.2">
      <c r="B27" s="9">
        <f t="shared" si="1"/>
        <v>46223</v>
      </c>
      <c r="C27" s="10" t="str">
        <f t="shared" si="0"/>
        <v>月</v>
      </c>
      <c r="D27" s="2"/>
      <c r="E27" s="2"/>
      <c r="F27" s="3"/>
      <c r="G27" s="1"/>
      <c r="H27" s="4"/>
      <c r="I27" s="4"/>
    </row>
    <row r="28" spans="2:9" ht="49.95" customHeight="1" x14ac:dyDescent="0.2">
      <c r="B28" s="9">
        <f t="shared" si="1"/>
        <v>46224</v>
      </c>
      <c r="C28" s="10" t="str">
        <f t="shared" si="0"/>
        <v>火</v>
      </c>
      <c r="D28" s="2"/>
      <c r="E28" s="2"/>
      <c r="F28" s="3"/>
      <c r="G28" s="1"/>
      <c r="H28" s="4"/>
      <c r="I28" s="4"/>
    </row>
    <row r="29" spans="2:9" ht="49.95" customHeight="1" x14ac:dyDescent="0.2">
      <c r="B29" s="9">
        <f t="shared" si="1"/>
        <v>46225</v>
      </c>
      <c r="C29" s="10" t="str">
        <f t="shared" si="0"/>
        <v>水</v>
      </c>
      <c r="D29" s="2"/>
      <c r="E29" s="2"/>
      <c r="F29" s="3"/>
      <c r="G29" s="1"/>
      <c r="H29" s="4"/>
      <c r="I29" s="4"/>
    </row>
    <row r="30" spans="2:9" ht="49.95" customHeight="1" x14ac:dyDescent="0.2">
      <c r="B30" s="9">
        <f t="shared" si="1"/>
        <v>46226</v>
      </c>
      <c r="C30" s="10" t="str">
        <f t="shared" si="0"/>
        <v>木</v>
      </c>
      <c r="D30" s="2"/>
      <c r="E30" s="2"/>
      <c r="F30" s="3"/>
      <c r="G30" s="1"/>
      <c r="H30" s="4"/>
      <c r="I30" s="4"/>
    </row>
    <row r="31" spans="2:9" ht="49.95" customHeight="1" x14ac:dyDescent="0.2">
      <c r="B31" s="9">
        <f t="shared" si="1"/>
        <v>46227</v>
      </c>
      <c r="C31" s="10" t="str">
        <f t="shared" si="0"/>
        <v>金</v>
      </c>
      <c r="D31" s="2"/>
      <c r="E31" s="2"/>
      <c r="F31" s="3"/>
      <c r="G31" s="1"/>
      <c r="H31" s="4"/>
      <c r="I31" s="4"/>
    </row>
    <row r="32" spans="2:9" ht="49.95" customHeight="1" x14ac:dyDescent="0.2">
      <c r="B32" s="9">
        <f t="shared" si="1"/>
        <v>46228</v>
      </c>
      <c r="C32" s="10" t="str">
        <f t="shared" si="0"/>
        <v>土</v>
      </c>
      <c r="D32" s="2"/>
      <c r="E32" s="2"/>
      <c r="F32" s="3"/>
      <c r="G32" s="1"/>
      <c r="H32" s="4"/>
      <c r="I32" s="4"/>
    </row>
    <row r="33" spans="2:9" ht="49.95" customHeight="1" x14ac:dyDescent="0.2">
      <c r="B33" s="9">
        <f t="shared" si="1"/>
        <v>46229</v>
      </c>
      <c r="C33" s="10" t="str">
        <f t="shared" si="0"/>
        <v>日</v>
      </c>
      <c r="D33" s="2"/>
      <c r="E33" s="2"/>
      <c r="F33" s="3"/>
      <c r="G33" s="1"/>
      <c r="H33" s="4"/>
      <c r="I33" s="4"/>
    </row>
    <row r="34" spans="2:9" ht="49.95" customHeight="1" x14ac:dyDescent="0.2">
      <c r="B34" s="9">
        <f t="shared" si="1"/>
        <v>46230</v>
      </c>
      <c r="C34" s="10" t="str">
        <f t="shared" si="0"/>
        <v>月</v>
      </c>
      <c r="D34" s="2"/>
      <c r="E34" s="2"/>
      <c r="F34" s="3"/>
      <c r="G34" s="1"/>
      <c r="H34" s="4"/>
      <c r="I34" s="4"/>
    </row>
    <row r="35" spans="2:9" ht="49.95" customHeight="1" x14ac:dyDescent="0.2">
      <c r="B35" s="9">
        <f t="shared" si="1"/>
        <v>46231</v>
      </c>
      <c r="C35" s="10" t="str">
        <f t="shared" si="0"/>
        <v>火</v>
      </c>
      <c r="D35" s="2"/>
      <c r="E35" s="2"/>
      <c r="F35" s="3"/>
      <c r="G35" s="1"/>
      <c r="H35" s="4"/>
      <c r="I35" s="4"/>
    </row>
    <row r="36" spans="2:9" ht="49.95" customHeight="1" x14ac:dyDescent="0.2">
      <c r="B36" s="9">
        <f t="shared" si="1"/>
        <v>46232</v>
      </c>
      <c r="C36" s="10" t="str">
        <f t="shared" si="0"/>
        <v>水</v>
      </c>
      <c r="D36" s="2"/>
      <c r="E36" s="2"/>
      <c r="F36" s="3"/>
      <c r="G36" s="1"/>
      <c r="H36" s="4"/>
      <c r="I36" s="4"/>
    </row>
    <row r="37" spans="2:9" ht="49.95" customHeight="1" x14ac:dyDescent="0.2">
      <c r="B37" s="9">
        <f t="shared" si="1"/>
        <v>46233</v>
      </c>
      <c r="C37" s="10" t="str">
        <f t="shared" si="0"/>
        <v>木</v>
      </c>
      <c r="D37" s="2"/>
      <c r="E37" s="2"/>
      <c r="F37" s="3"/>
      <c r="G37" s="1"/>
      <c r="H37" s="4"/>
      <c r="I37" s="4"/>
    </row>
    <row r="38" spans="2:9" ht="49.95" customHeight="1" x14ac:dyDescent="0.2">
      <c r="B38" s="9">
        <f t="shared" si="1"/>
        <v>46234</v>
      </c>
      <c r="C38" s="8" t="str">
        <f t="shared" si="0"/>
        <v>金</v>
      </c>
      <c r="D38" s="2"/>
      <c r="E38" s="2"/>
      <c r="F38" s="3"/>
      <c r="G38" s="1"/>
      <c r="H38" s="4"/>
      <c r="I38" s="4"/>
    </row>
    <row r="39" spans="2:9" ht="45" customHeight="1" x14ac:dyDescent="0.2">
      <c r="B39" s="17" t="s">
        <v>4</v>
      </c>
      <c r="C39" s="18"/>
      <c r="D39" s="18"/>
      <c r="E39" s="18"/>
      <c r="F39" s="1">
        <f>SUM(F8:F38)</f>
        <v>0</v>
      </c>
      <c r="G39" s="1">
        <f>SUM(G8:G38)</f>
        <v>0</v>
      </c>
      <c r="H39" s="4"/>
      <c r="I39" s="6"/>
    </row>
    <row r="42" spans="2:9" ht="18" customHeight="1" x14ac:dyDescent="0.2"/>
  </sheetData>
  <mergeCells count="12">
    <mergeCell ref="I6:I7"/>
    <mergeCell ref="B39:E39"/>
    <mergeCell ref="B1:I2"/>
    <mergeCell ref="B3:C4"/>
    <mergeCell ref="D3:E4"/>
    <mergeCell ref="B6:B7"/>
    <mergeCell ref="C6:C7"/>
    <mergeCell ref="D6:D7"/>
    <mergeCell ref="E6:E7"/>
    <mergeCell ref="F6:F7"/>
    <mergeCell ref="G6:G7"/>
    <mergeCell ref="H6:H7"/>
  </mergeCells>
  <phoneticPr fontId="1"/>
  <conditionalFormatting sqref="D8:F38">
    <cfRule type="expression" dxfId="9" priority="1">
      <formula>ISBLANK(D8)=FALSE</formula>
    </cfRule>
  </conditionalFormatting>
  <dataValidations count="1">
    <dataValidation type="list" allowBlank="1" showInputMessage="1" showErrorMessage="1" sqref="H8:H39" xr:uid="{00000000-0002-0000-0300-000000000000}">
      <formula1>"幼稚園の入口における園児の受け入れ,園児の建物内への誘導,担任教員に対する登園状況の報告"</formula1>
    </dataValidation>
  </dataValidations>
  <printOptions horizontalCentered="1"/>
  <pageMargins left="0.51181102362204722" right="0.51181102362204722" top="0.55118110236220474" bottom="0.55118110236220474" header="0.39370078740157483" footer="0.31496062992125984"/>
  <pageSetup paperSize="9" scale="47" orientation="portrait" r:id="rId1"/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400-000000000000}">
  <sheetPr>
    <pageSetUpPr fitToPage="1"/>
  </sheetPr>
  <dimension ref="B1:I42"/>
  <sheetViews>
    <sheetView view="pageBreakPreview" zoomScale="55" zoomScaleNormal="55" zoomScaleSheetLayoutView="55" workbookViewId="0">
      <pane xSplit="1" ySplit="7" topLeftCell="B8" activePane="bottomRight" state="frozen"/>
      <selection pane="topRight" activeCell="B1" sqref="B1"/>
      <selection pane="bottomLeft" activeCell="A8" sqref="A8"/>
      <selection pane="bottomRight" activeCell="I3" sqref="I3"/>
    </sheetView>
  </sheetViews>
  <sheetFormatPr defaultColWidth="13" defaultRowHeight="14.4" x14ac:dyDescent="0.2"/>
  <cols>
    <col min="1" max="1" width="2.69921875" customWidth="1"/>
    <col min="2" max="2" width="10.69921875" customWidth="1"/>
    <col min="3" max="3" width="10.69921875" style="5" customWidth="1"/>
    <col min="4" max="7" width="18.69921875" customWidth="1"/>
    <col min="8" max="8" width="45.69921875" customWidth="1"/>
    <col min="9" max="9" width="12.09765625" customWidth="1"/>
    <col min="10" max="10" width="11.59765625" customWidth="1"/>
    <col min="11" max="11" width="1.59765625" customWidth="1"/>
    <col min="13" max="13" width="3" customWidth="1"/>
  </cols>
  <sheetData>
    <row r="1" spans="2:9" ht="19.95" customHeight="1" x14ac:dyDescent="0.2">
      <c r="B1" s="14">
        <f>年度設定シート!D5</f>
        <v>46235</v>
      </c>
      <c r="C1" s="14"/>
      <c r="D1" s="14"/>
      <c r="E1" s="14"/>
      <c r="F1" s="14"/>
      <c r="G1" s="14"/>
      <c r="H1" s="14"/>
      <c r="I1" s="14"/>
    </row>
    <row r="2" spans="2:9" ht="19.95" customHeight="1" x14ac:dyDescent="0.2">
      <c r="B2" s="14"/>
      <c r="C2" s="14"/>
      <c r="D2" s="14"/>
      <c r="E2" s="14"/>
      <c r="F2" s="14"/>
      <c r="G2" s="14"/>
      <c r="H2" s="14"/>
      <c r="I2" s="14"/>
    </row>
    <row r="3" spans="2:9" ht="19.95" customHeight="1" x14ac:dyDescent="0.2">
      <c r="B3" s="19" t="s">
        <v>6</v>
      </c>
      <c r="C3" s="20"/>
      <c r="D3" s="19"/>
      <c r="E3" s="23"/>
    </row>
    <row r="4" spans="2:9" ht="19.95" customHeight="1" x14ac:dyDescent="0.2">
      <c r="B4" s="21"/>
      <c r="C4" s="22"/>
      <c r="D4" s="24"/>
      <c r="E4" s="25"/>
    </row>
    <row r="5" spans="2:9" ht="15" customHeight="1" x14ac:dyDescent="0.2"/>
    <row r="6" spans="2:9" ht="19.95" customHeight="1" x14ac:dyDescent="0.2">
      <c r="B6" s="17" t="s">
        <v>0</v>
      </c>
      <c r="C6" s="26" t="s">
        <v>1</v>
      </c>
      <c r="D6" s="18" t="s">
        <v>2</v>
      </c>
      <c r="E6" s="18" t="s">
        <v>3</v>
      </c>
      <c r="F6" s="18" t="s">
        <v>7</v>
      </c>
      <c r="G6" s="18" t="s">
        <v>8</v>
      </c>
      <c r="H6" s="18" t="s">
        <v>9</v>
      </c>
      <c r="I6" s="18" t="s">
        <v>5</v>
      </c>
    </row>
    <row r="7" spans="2:9" ht="19.95" customHeight="1" x14ac:dyDescent="0.2">
      <c r="B7" s="18"/>
      <c r="C7" s="26"/>
      <c r="D7" s="18"/>
      <c r="E7" s="18"/>
      <c r="F7" s="18"/>
      <c r="G7" s="18"/>
      <c r="H7" s="18"/>
      <c r="I7" s="18"/>
    </row>
    <row r="8" spans="2:9" ht="49.95" customHeight="1" x14ac:dyDescent="0.2">
      <c r="B8" s="9">
        <f>B1</f>
        <v>46235</v>
      </c>
      <c r="C8" s="10" t="str">
        <f>TEXT(B8,"aaa")</f>
        <v>土</v>
      </c>
      <c r="D8" s="2"/>
      <c r="E8" s="2"/>
      <c r="F8" s="3"/>
      <c r="G8" s="1"/>
      <c r="H8" s="4"/>
      <c r="I8" s="4"/>
    </row>
    <row r="9" spans="2:9" ht="49.95" customHeight="1" x14ac:dyDescent="0.2">
      <c r="B9" s="9">
        <f>B8+1</f>
        <v>46236</v>
      </c>
      <c r="C9" s="10" t="str">
        <f t="shared" ref="C9:C38" si="0">TEXT(B9,"aaa")</f>
        <v>日</v>
      </c>
      <c r="D9" s="2"/>
      <c r="E9" s="2"/>
      <c r="F9" s="3"/>
      <c r="G9" s="1"/>
      <c r="H9" s="4"/>
      <c r="I9" s="4"/>
    </row>
    <row r="10" spans="2:9" ht="49.95" customHeight="1" x14ac:dyDescent="0.2">
      <c r="B10" s="9">
        <f t="shared" ref="B10:B38" si="1">B9+1</f>
        <v>46237</v>
      </c>
      <c r="C10" s="10" t="str">
        <f t="shared" si="0"/>
        <v>月</v>
      </c>
      <c r="D10" s="2"/>
      <c r="E10" s="2"/>
      <c r="F10" s="3"/>
      <c r="G10" s="1"/>
      <c r="H10" s="4"/>
      <c r="I10" s="4"/>
    </row>
    <row r="11" spans="2:9" ht="49.95" customHeight="1" x14ac:dyDescent="0.2">
      <c r="B11" s="9">
        <f t="shared" si="1"/>
        <v>46238</v>
      </c>
      <c r="C11" s="10" t="str">
        <f t="shared" si="0"/>
        <v>火</v>
      </c>
      <c r="D11" s="2"/>
      <c r="E11" s="2"/>
      <c r="F11" s="3"/>
      <c r="G11" s="1"/>
      <c r="H11" s="4"/>
      <c r="I11" s="4"/>
    </row>
    <row r="12" spans="2:9" ht="49.95" customHeight="1" x14ac:dyDescent="0.2">
      <c r="B12" s="9">
        <f t="shared" si="1"/>
        <v>46239</v>
      </c>
      <c r="C12" s="10" t="str">
        <f t="shared" si="0"/>
        <v>水</v>
      </c>
      <c r="D12" s="2"/>
      <c r="E12" s="2"/>
      <c r="F12" s="3"/>
      <c r="G12" s="1"/>
      <c r="H12" s="4"/>
      <c r="I12" s="4"/>
    </row>
    <row r="13" spans="2:9" ht="49.95" customHeight="1" x14ac:dyDescent="0.2">
      <c r="B13" s="9">
        <f t="shared" si="1"/>
        <v>46240</v>
      </c>
      <c r="C13" s="10" t="str">
        <f t="shared" si="0"/>
        <v>木</v>
      </c>
      <c r="D13" s="2"/>
      <c r="E13" s="2"/>
      <c r="F13" s="3"/>
      <c r="G13" s="1"/>
      <c r="H13" s="4"/>
      <c r="I13" s="4"/>
    </row>
    <row r="14" spans="2:9" ht="49.95" customHeight="1" x14ac:dyDescent="0.2">
      <c r="B14" s="9">
        <f t="shared" si="1"/>
        <v>46241</v>
      </c>
      <c r="C14" s="10" t="str">
        <f t="shared" si="0"/>
        <v>金</v>
      </c>
      <c r="D14" s="2"/>
      <c r="E14" s="2"/>
      <c r="F14" s="3"/>
      <c r="G14" s="1"/>
      <c r="H14" s="4"/>
      <c r="I14" s="4"/>
    </row>
    <row r="15" spans="2:9" ht="49.95" customHeight="1" x14ac:dyDescent="0.2">
      <c r="B15" s="9">
        <f t="shared" si="1"/>
        <v>46242</v>
      </c>
      <c r="C15" s="10" t="str">
        <f t="shared" si="0"/>
        <v>土</v>
      </c>
      <c r="D15" s="2"/>
      <c r="E15" s="2"/>
      <c r="F15" s="3"/>
      <c r="G15" s="1"/>
      <c r="H15" s="4"/>
      <c r="I15" s="4"/>
    </row>
    <row r="16" spans="2:9" ht="49.95" customHeight="1" x14ac:dyDescent="0.2">
      <c r="B16" s="9">
        <f t="shared" si="1"/>
        <v>46243</v>
      </c>
      <c r="C16" s="10" t="str">
        <f t="shared" si="0"/>
        <v>日</v>
      </c>
      <c r="D16" s="2"/>
      <c r="E16" s="2"/>
      <c r="F16" s="3"/>
      <c r="G16" s="1"/>
      <c r="H16" s="4"/>
      <c r="I16" s="4"/>
    </row>
    <row r="17" spans="2:9" ht="49.95" customHeight="1" x14ac:dyDescent="0.2">
      <c r="B17" s="9">
        <f t="shared" si="1"/>
        <v>46244</v>
      </c>
      <c r="C17" s="10" t="str">
        <f t="shared" si="0"/>
        <v>月</v>
      </c>
      <c r="D17" s="2"/>
      <c r="E17" s="2"/>
      <c r="F17" s="3"/>
      <c r="G17" s="1"/>
      <c r="H17" s="4"/>
      <c r="I17" s="4"/>
    </row>
    <row r="18" spans="2:9" ht="49.95" customHeight="1" x14ac:dyDescent="0.2">
      <c r="B18" s="9">
        <f t="shared" si="1"/>
        <v>46245</v>
      </c>
      <c r="C18" s="10" t="str">
        <f t="shared" si="0"/>
        <v>火</v>
      </c>
      <c r="D18" s="2"/>
      <c r="E18" s="2"/>
      <c r="F18" s="3"/>
      <c r="G18" s="1"/>
      <c r="H18" s="4"/>
      <c r="I18" s="4"/>
    </row>
    <row r="19" spans="2:9" ht="49.95" customHeight="1" x14ac:dyDescent="0.2">
      <c r="B19" s="9">
        <f t="shared" si="1"/>
        <v>46246</v>
      </c>
      <c r="C19" s="10" t="str">
        <f t="shared" si="0"/>
        <v>水</v>
      </c>
      <c r="D19" s="2"/>
      <c r="E19" s="2"/>
      <c r="F19" s="3"/>
      <c r="G19" s="1"/>
      <c r="H19" s="4"/>
      <c r="I19" s="4"/>
    </row>
    <row r="20" spans="2:9" ht="49.95" customHeight="1" x14ac:dyDescent="0.2">
      <c r="B20" s="9">
        <f t="shared" si="1"/>
        <v>46247</v>
      </c>
      <c r="C20" s="10" t="str">
        <f t="shared" si="0"/>
        <v>木</v>
      </c>
      <c r="D20" s="2"/>
      <c r="E20" s="2"/>
      <c r="F20" s="3"/>
      <c r="G20" s="1"/>
      <c r="H20" s="4"/>
      <c r="I20" s="4"/>
    </row>
    <row r="21" spans="2:9" ht="49.95" customHeight="1" x14ac:dyDescent="0.2">
      <c r="B21" s="9">
        <f t="shared" si="1"/>
        <v>46248</v>
      </c>
      <c r="C21" s="10" t="str">
        <f t="shared" si="0"/>
        <v>金</v>
      </c>
      <c r="D21" s="2"/>
      <c r="E21" s="2"/>
      <c r="F21" s="3"/>
      <c r="G21" s="1"/>
      <c r="H21" s="4"/>
      <c r="I21" s="4"/>
    </row>
    <row r="22" spans="2:9" ht="49.95" customHeight="1" x14ac:dyDescent="0.2">
      <c r="B22" s="9">
        <f t="shared" si="1"/>
        <v>46249</v>
      </c>
      <c r="C22" s="10" t="str">
        <f t="shared" si="0"/>
        <v>土</v>
      </c>
      <c r="D22" s="2"/>
      <c r="E22" s="2"/>
      <c r="F22" s="3"/>
      <c r="G22" s="1"/>
      <c r="H22" s="4"/>
      <c r="I22" s="4"/>
    </row>
    <row r="23" spans="2:9" ht="49.95" customHeight="1" x14ac:dyDescent="0.2">
      <c r="B23" s="9">
        <f t="shared" si="1"/>
        <v>46250</v>
      </c>
      <c r="C23" s="10" t="str">
        <f t="shared" si="0"/>
        <v>日</v>
      </c>
      <c r="D23" s="2"/>
      <c r="E23" s="2"/>
      <c r="F23" s="3"/>
      <c r="G23" s="1"/>
      <c r="H23" s="4"/>
      <c r="I23" s="4"/>
    </row>
    <row r="24" spans="2:9" ht="49.95" customHeight="1" x14ac:dyDescent="0.2">
      <c r="B24" s="9">
        <f t="shared" si="1"/>
        <v>46251</v>
      </c>
      <c r="C24" s="10" t="str">
        <f t="shared" si="0"/>
        <v>月</v>
      </c>
      <c r="D24" s="2"/>
      <c r="E24" s="2"/>
      <c r="F24" s="3"/>
      <c r="G24" s="1"/>
      <c r="H24" s="4"/>
      <c r="I24" s="4"/>
    </row>
    <row r="25" spans="2:9" ht="49.95" customHeight="1" x14ac:dyDescent="0.2">
      <c r="B25" s="9">
        <f t="shared" si="1"/>
        <v>46252</v>
      </c>
      <c r="C25" s="10" t="str">
        <f t="shared" si="0"/>
        <v>火</v>
      </c>
      <c r="D25" s="2"/>
      <c r="E25" s="2"/>
      <c r="F25" s="3"/>
      <c r="G25" s="1"/>
      <c r="H25" s="4"/>
      <c r="I25" s="4"/>
    </row>
    <row r="26" spans="2:9" ht="49.95" customHeight="1" x14ac:dyDescent="0.2">
      <c r="B26" s="9">
        <f t="shared" si="1"/>
        <v>46253</v>
      </c>
      <c r="C26" s="10" t="str">
        <f t="shared" si="0"/>
        <v>水</v>
      </c>
      <c r="D26" s="2"/>
      <c r="E26" s="2"/>
      <c r="F26" s="3"/>
      <c r="G26" s="1"/>
      <c r="H26" s="4"/>
      <c r="I26" s="4"/>
    </row>
    <row r="27" spans="2:9" ht="49.95" customHeight="1" x14ac:dyDescent="0.2">
      <c r="B27" s="9">
        <f t="shared" si="1"/>
        <v>46254</v>
      </c>
      <c r="C27" s="10" t="str">
        <f t="shared" si="0"/>
        <v>木</v>
      </c>
      <c r="D27" s="2"/>
      <c r="E27" s="2"/>
      <c r="F27" s="3"/>
      <c r="G27" s="1"/>
      <c r="H27" s="4"/>
      <c r="I27" s="4"/>
    </row>
    <row r="28" spans="2:9" ht="49.95" customHeight="1" x14ac:dyDescent="0.2">
      <c r="B28" s="9">
        <f t="shared" si="1"/>
        <v>46255</v>
      </c>
      <c r="C28" s="10" t="str">
        <f t="shared" si="0"/>
        <v>金</v>
      </c>
      <c r="D28" s="2"/>
      <c r="E28" s="2"/>
      <c r="F28" s="3"/>
      <c r="G28" s="1"/>
      <c r="H28" s="4"/>
      <c r="I28" s="4"/>
    </row>
    <row r="29" spans="2:9" ht="49.95" customHeight="1" x14ac:dyDescent="0.2">
      <c r="B29" s="9">
        <f t="shared" si="1"/>
        <v>46256</v>
      </c>
      <c r="C29" s="10" t="str">
        <f t="shared" si="0"/>
        <v>土</v>
      </c>
      <c r="D29" s="2"/>
      <c r="E29" s="2"/>
      <c r="F29" s="3"/>
      <c r="G29" s="1"/>
      <c r="H29" s="4"/>
      <c r="I29" s="4"/>
    </row>
    <row r="30" spans="2:9" ht="49.95" customHeight="1" x14ac:dyDescent="0.2">
      <c r="B30" s="9">
        <f t="shared" si="1"/>
        <v>46257</v>
      </c>
      <c r="C30" s="10" t="str">
        <f t="shared" si="0"/>
        <v>日</v>
      </c>
      <c r="D30" s="2"/>
      <c r="E30" s="2"/>
      <c r="F30" s="3"/>
      <c r="G30" s="1"/>
      <c r="H30" s="4"/>
      <c r="I30" s="4"/>
    </row>
    <row r="31" spans="2:9" ht="49.95" customHeight="1" x14ac:dyDescent="0.2">
      <c r="B31" s="9">
        <f t="shared" si="1"/>
        <v>46258</v>
      </c>
      <c r="C31" s="10" t="str">
        <f t="shared" si="0"/>
        <v>月</v>
      </c>
      <c r="D31" s="2"/>
      <c r="E31" s="2"/>
      <c r="F31" s="3"/>
      <c r="G31" s="1"/>
      <c r="H31" s="4"/>
      <c r="I31" s="4"/>
    </row>
    <row r="32" spans="2:9" ht="49.95" customHeight="1" x14ac:dyDescent="0.2">
      <c r="B32" s="9">
        <f t="shared" si="1"/>
        <v>46259</v>
      </c>
      <c r="C32" s="10" t="str">
        <f t="shared" si="0"/>
        <v>火</v>
      </c>
      <c r="D32" s="2"/>
      <c r="E32" s="2"/>
      <c r="F32" s="3"/>
      <c r="G32" s="1"/>
      <c r="H32" s="4"/>
      <c r="I32" s="4"/>
    </row>
    <row r="33" spans="2:9" ht="49.95" customHeight="1" x14ac:dyDescent="0.2">
      <c r="B33" s="9">
        <f t="shared" si="1"/>
        <v>46260</v>
      </c>
      <c r="C33" s="10" t="str">
        <f t="shared" si="0"/>
        <v>水</v>
      </c>
      <c r="D33" s="2"/>
      <c r="E33" s="2"/>
      <c r="F33" s="3"/>
      <c r="G33" s="1"/>
      <c r="H33" s="4"/>
      <c r="I33" s="4"/>
    </row>
    <row r="34" spans="2:9" ht="49.95" customHeight="1" x14ac:dyDescent="0.2">
      <c r="B34" s="9">
        <f t="shared" si="1"/>
        <v>46261</v>
      </c>
      <c r="C34" s="10" t="str">
        <f t="shared" si="0"/>
        <v>木</v>
      </c>
      <c r="D34" s="2"/>
      <c r="E34" s="2"/>
      <c r="F34" s="3"/>
      <c r="G34" s="1"/>
      <c r="H34" s="4"/>
      <c r="I34" s="4"/>
    </row>
    <row r="35" spans="2:9" ht="49.95" customHeight="1" x14ac:dyDescent="0.2">
      <c r="B35" s="9">
        <f t="shared" si="1"/>
        <v>46262</v>
      </c>
      <c r="C35" s="10" t="str">
        <f t="shared" si="0"/>
        <v>金</v>
      </c>
      <c r="D35" s="2"/>
      <c r="E35" s="2"/>
      <c r="F35" s="3"/>
      <c r="G35" s="1"/>
      <c r="H35" s="4"/>
      <c r="I35" s="4"/>
    </row>
    <row r="36" spans="2:9" ht="49.95" customHeight="1" x14ac:dyDescent="0.2">
      <c r="B36" s="9">
        <f t="shared" si="1"/>
        <v>46263</v>
      </c>
      <c r="C36" s="10" t="str">
        <f t="shared" si="0"/>
        <v>土</v>
      </c>
      <c r="D36" s="2"/>
      <c r="E36" s="2"/>
      <c r="F36" s="3"/>
      <c r="G36" s="1"/>
      <c r="H36" s="4"/>
      <c r="I36" s="4"/>
    </row>
    <row r="37" spans="2:9" ht="49.95" customHeight="1" x14ac:dyDescent="0.2">
      <c r="B37" s="9">
        <f t="shared" si="1"/>
        <v>46264</v>
      </c>
      <c r="C37" s="10" t="str">
        <f t="shared" si="0"/>
        <v>日</v>
      </c>
      <c r="D37" s="2"/>
      <c r="E37" s="2"/>
      <c r="F37" s="3"/>
      <c r="G37" s="1"/>
      <c r="H37" s="4"/>
      <c r="I37" s="4"/>
    </row>
    <row r="38" spans="2:9" ht="49.95" customHeight="1" x14ac:dyDescent="0.2">
      <c r="B38" s="9">
        <f t="shared" si="1"/>
        <v>46265</v>
      </c>
      <c r="C38" s="8" t="str">
        <f t="shared" si="0"/>
        <v>月</v>
      </c>
      <c r="D38" s="2"/>
      <c r="E38" s="2"/>
      <c r="F38" s="3"/>
      <c r="G38" s="1"/>
      <c r="H38" s="4"/>
      <c r="I38" s="4"/>
    </row>
    <row r="39" spans="2:9" ht="45" customHeight="1" x14ac:dyDescent="0.2">
      <c r="B39" s="17" t="s">
        <v>4</v>
      </c>
      <c r="C39" s="18"/>
      <c r="D39" s="18"/>
      <c r="E39" s="18"/>
      <c r="F39" s="1">
        <f>SUM(F8:F38)</f>
        <v>0</v>
      </c>
      <c r="G39" s="1">
        <f>SUM(G8:G38)</f>
        <v>0</v>
      </c>
      <c r="H39" s="4"/>
      <c r="I39" s="6"/>
    </row>
    <row r="42" spans="2:9" ht="18" customHeight="1" x14ac:dyDescent="0.2"/>
  </sheetData>
  <mergeCells count="12">
    <mergeCell ref="I6:I7"/>
    <mergeCell ref="B39:E39"/>
    <mergeCell ref="B1:I2"/>
    <mergeCell ref="B3:C4"/>
    <mergeCell ref="D3:E4"/>
    <mergeCell ref="B6:B7"/>
    <mergeCell ref="C6:C7"/>
    <mergeCell ref="D6:D7"/>
    <mergeCell ref="E6:E7"/>
    <mergeCell ref="F6:F7"/>
    <mergeCell ref="G6:G7"/>
    <mergeCell ref="H6:H7"/>
  </mergeCells>
  <phoneticPr fontId="1"/>
  <conditionalFormatting sqref="D8:F38">
    <cfRule type="expression" dxfId="8" priority="1">
      <formula>ISBLANK(D8)=FALSE</formula>
    </cfRule>
  </conditionalFormatting>
  <dataValidations count="1">
    <dataValidation type="list" allowBlank="1" showInputMessage="1" showErrorMessage="1" sqref="H8:H39" xr:uid="{00000000-0002-0000-0400-000000000000}">
      <formula1>"幼稚園の入口における園児の受け入れ,園児の建物内への誘導,担任教員に対する登園状況の報告"</formula1>
    </dataValidation>
  </dataValidations>
  <printOptions horizontalCentered="1"/>
  <pageMargins left="0.51181102362204722" right="0.51181102362204722" top="0.55118110236220474" bottom="0.55118110236220474" header="0.39370078740157483" footer="0.31496062992125984"/>
  <pageSetup paperSize="9" scale="47" orientation="portrait" r:id="rId1"/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500-000000000000}">
  <sheetPr>
    <pageSetUpPr fitToPage="1"/>
  </sheetPr>
  <dimension ref="B1:I41"/>
  <sheetViews>
    <sheetView view="pageBreakPreview" zoomScale="55" zoomScaleNormal="55" zoomScaleSheetLayoutView="55" workbookViewId="0">
      <pane xSplit="1" ySplit="7" topLeftCell="B8" activePane="bottomRight" state="frozen"/>
      <selection pane="topRight" activeCell="B1" sqref="B1"/>
      <selection pane="bottomLeft" activeCell="A8" sqref="A8"/>
      <selection pane="bottomRight" activeCell="I4" sqref="I4"/>
    </sheetView>
  </sheetViews>
  <sheetFormatPr defaultColWidth="13" defaultRowHeight="14.4" x14ac:dyDescent="0.2"/>
  <cols>
    <col min="1" max="1" width="2.69921875" customWidth="1"/>
    <col min="2" max="2" width="10.69921875" customWidth="1"/>
    <col min="3" max="3" width="10.69921875" style="5" customWidth="1"/>
    <col min="4" max="7" width="18.69921875" customWidth="1"/>
    <col min="8" max="8" width="45.69921875" customWidth="1"/>
    <col min="9" max="9" width="12.09765625" customWidth="1"/>
    <col min="10" max="10" width="11.59765625" customWidth="1"/>
    <col min="11" max="11" width="1.59765625" customWidth="1"/>
    <col min="13" max="13" width="3" customWidth="1"/>
  </cols>
  <sheetData>
    <row r="1" spans="2:9" ht="19.95" customHeight="1" x14ac:dyDescent="0.2">
      <c r="B1" s="14">
        <f>年度設定シート!D6</f>
        <v>46266</v>
      </c>
      <c r="C1" s="14"/>
      <c r="D1" s="14"/>
      <c r="E1" s="14"/>
      <c r="F1" s="14"/>
      <c r="G1" s="14"/>
      <c r="H1" s="14"/>
      <c r="I1" s="14"/>
    </row>
    <row r="2" spans="2:9" ht="19.95" customHeight="1" x14ac:dyDescent="0.2">
      <c r="B2" s="14"/>
      <c r="C2" s="14"/>
      <c r="D2" s="14"/>
      <c r="E2" s="14"/>
      <c r="F2" s="14"/>
      <c r="G2" s="14"/>
      <c r="H2" s="14"/>
      <c r="I2" s="14"/>
    </row>
    <row r="3" spans="2:9" ht="19.95" customHeight="1" x14ac:dyDescent="0.2">
      <c r="B3" s="19" t="s">
        <v>6</v>
      </c>
      <c r="C3" s="20"/>
      <c r="D3" s="19"/>
      <c r="E3" s="23"/>
    </row>
    <row r="4" spans="2:9" ht="19.95" customHeight="1" x14ac:dyDescent="0.2">
      <c r="B4" s="21"/>
      <c r="C4" s="22"/>
      <c r="D4" s="24"/>
      <c r="E4" s="25"/>
    </row>
    <row r="5" spans="2:9" ht="15" customHeight="1" x14ac:dyDescent="0.2"/>
    <row r="6" spans="2:9" ht="19.95" customHeight="1" x14ac:dyDescent="0.2">
      <c r="B6" s="17" t="s">
        <v>0</v>
      </c>
      <c r="C6" s="26" t="s">
        <v>1</v>
      </c>
      <c r="D6" s="18" t="s">
        <v>2</v>
      </c>
      <c r="E6" s="18" t="s">
        <v>3</v>
      </c>
      <c r="F6" s="18" t="s">
        <v>7</v>
      </c>
      <c r="G6" s="18" t="s">
        <v>8</v>
      </c>
      <c r="H6" s="18" t="s">
        <v>9</v>
      </c>
      <c r="I6" s="18" t="s">
        <v>5</v>
      </c>
    </row>
    <row r="7" spans="2:9" ht="19.95" customHeight="1" x14ac:dyDescent="0.2">
      <c r="B7" s="18"/>
      <c r="C7" s="26"/>
      <c r="D7" s="18"/>
      <c r="E7" s="18"/>
      <c r="F7" s="18"/>
      <c r="G7" s="18"/>
      <c r="H7" s="18"/>
      <c r="I7" s="18"/>
    </row>
    <row r="8" spans="2:9" ht="49.95" customHeight="1" x14ac:dyDescent="0.2">
      <c r="B8" s="9">
        <f>B1</f>
        <v>46266</v>
      </c>
      <c r="C8" s="10" t="str">
        <f>TEXT(B8,"aaa")</f>
        <v>火</v>
      </c>
      <c r="D8" s="2"/>
      <c r="E8" s="2"/>
      <c r="F8" s="3"/>
      <c r="G8" s="1"/>
      <c r="H8" s="4"/>
      <c r="I8" s="4"/>
    </row>
    <row r="9" spans="2:9" ht="49.95" customHeight="1" x14ac:dyDescent="0.2">
      <c r="B9" s="9">
        <f>B8+1</f>
        <v>46267</v>
      </c>
      <c r="C9" s="10" t="str">
        <f t="shared" ref="C9:C37" si="0">TEXT(B9,"aaa")</f>
        <v>水</v>
      </c>
      <c r="D9" s="2"/>
      <c r="E9" s="2"/>
      <c r="F9" s="3"/>
      <c r="G9" s="1"/>
      <c r="H9" s="4"/>
      <c r="I9" s="4"/>
    </row>
    <row r="10" spans="2:9" ht="49.95" customHeight="1" x14ac:dyDescent="0.2">
      <c r="B10" s="9">
        <f t="shared" ref="B10:B37" si="1">B9+1</f>
        <v>46268</v>
      </c>
      <c r="C10" s="10" t="str">
        <f t="shared" si="0"/>
        <v>木</v>
      </c>
      <c r="D10" s="2"/>
      <c r="E10" s="2"/>
      <c r="F10" s="3"/>
      <c r="G10" s="1"/>
      <c r="H10" s="4"/>
      <c r="I10" s="4"/>
    </row>
    <row r="11" spans="2:9" ht="49.95" customHeight="1" x14ac:dyDescent="0.2">
      <c r="B11" s="9">
        <f t="shared" si="1"/>
        <v>46269</v>
      </c>
      <c r="C11" s="10" t="str">
        <f t="shared" si="0"/>
        <v>金</v>
      </c>
      <c r="D11" s="2"/>
      <c r="E11" s="2"/>
      <c r="F11" s="3"/>
      <c r="G11" s="1"/>
      <c r="H11" s="4"/>
      <c r="I11" s="4"/>
    </row>
    <row r="12" spans="2:9" ht="49.95" customHeight="1" x14ac:dyDescent="0.2">
      <c r="B12" s="9">
        <f t="shared" si="1"/>
        <v>46270</v>
      </c>
      <c r="C12" s="10" t="str">
        <f t="shared" si="0"/>
        <v>土</v>
      </c>
      <c r="D12" s="2"/>
      <c r="E12" s="2"/>
      <c r="F12" s="3"/>
      <c r="G12" s="1"/>
      <c r="H12" s="4"/>
      <c r="I12" s="4"/>
    </row>
    <row r="13" spans="2:9" ht="49.95" customHeight="1" x14ac:dyDescent="0.2">
      <c r="B13" s="9">
        <f t="shared" si="1"/>
        <v>46271</v>
      </c>
      <c r="C13" s="10" t="str">
        <f t="shared" si="0"/>
        <v>日</v>
      </c>
      <c r="D13" s="2"/>
      <c r="E13" s="2"/>
      <c r="F13" s="3"/>
      <c r="G13" s="1"/>
      <c r="H13" s="4"/>
      <c r="I13" s="4"/>
    </row>
    <row r="14" spans="2:9" ht="49.95" customHeight="1" x14ac:dyDescent="0.2">
      <c r="B14" s="9">
        <f t="shared" si="1"/>
        <v>46272</v>
      </c>
      <c r="C14" s="10" t="str">
        <f t="shared" si="0"/>
        <v>月</v>
      </c>
      <c r="D14" s="2"/>
      <c r="E14" s="2"/>
      <c r="F14" s="3"/>
      <c r="G14" s="1"/>
      <c r="H14" s="4"/>
      <c r="I14" s="4"/>
    </row>
    <row r="15" spans="2:9" ht="49.95" customHeight="1" x14ac:dyDescent="0.2">
      <c r="B15" s="9">
        <f t="shared" si="1"/>
        <v>46273</v>
      </c>
      <c r="C15" s="10" t="str">
        <f t="shared" si="0"/>
        <v>火</v>
      </c>
      <c r="D15" s="2"/>
      <c r="E15" s="2"/>
      <c r="F15" s="3"/>
      <c r="G15" s="1"/>
      <c r="H15" s="4"/>
      <c r="I15" s="4"/>
    </row>
    <row r="16" spans="2:9" ht="49.95" customHeight="1" x14ac:dyDescent="0.2">
      <c r="B16" s="9">
        <f t="shared" si="1"/>
        <v>46274</v>
      </c>
      <c r="C16" s="10" t="str">
        <f t="shared" si="0"/>
        <v>水</v>
      </c>
      <c r="D16" s="2"/>
      <c r="E16" s="2"/>
      <c r="F16" s="3"/>
      <c r="G16" s="1"/>
      <c r="H16" s="4"/>
      <c r="I16" s="4"/>
    </row>
    <row r="17" spans="2:9" ht="49.95" customHeight="1" x14ac:dyDescent="0.2">
      <c r="B17" s="9">
        <f t="shared" si="1"/>
        <v>46275</v>
      </c>
      <c r="C17" s="10" t="str">
        <f t="shared" si="0"/>
        <v>木</v>
      </c>
      <c r="D17" s="2"/>
      <c r="E17" s="2"/>
      <c r="F17" s="3"/>
      <c r="G17" s="1"/>
      <c r="H17" s="4"/>
      <c r="I17" s="4"/>
    </row>
    <row r="18" spans="2:9" ht="49.95" customHeight="1" x14ac:dyDescent="0.2">
      <c r="B18" s="9">
        <f t="shared" si="1"/>
        <v>46276</v>
      </c>
      <c r="C18" s="10" t="str">
        <f t="shared" si="0"/>
        <v>金</v>
      </c>
      <c r="D18" s="2"/>
      <c r="E18" s="2"/>
      <c r="F18" s="3"/>
      <c r="G18" s="1"/>
      <c r="H18" s="4"/>
      <c r="I18" s="4"/>
    </row>
    <row r="19" spans="2:9" ht="49.95" customHeight="1" x14ac:dyDescent="0.2">
      <c r="B19" s="9">
        <f t="shared" si="1"/>
        <v>46277</v>
      </c>
      <c r="C19" s="10" t="str">
        <f t="shared" si="0"/>
        <v>土</v>
      </c>
      <c r="D19" s="2"/>
      <c r="E19" s="2"/>
      <c r="F19" s="3"/>
      <c r="G19" s="1"/>
      <c r="H19" s="4"/>
      <c r="I19" s="4"/>
    </row>
    <row r="20" spans="2:9" ht="49.95" customHeight="1" x14ac:dyDescent="0.2">
      <c r="B20" s="9">
        <f t="shared" si="1"/>
        <v>46278</v>
      </c>
      <c r="C20" s="10" t="str">
        <f t="shared" si="0"/>
        <v>日</v>
      </c>
      <c r="D20" s="2"/>
      <c r="E20" s="2"/>
      <c r="F20" s="3"/>
      <c r="G20" s="1"/>
      <c r="H20" s="4"/>
      <c r="I20" s="4"/>
    </row>
    <row r="21" spans="2:9" ht="49.95" customHeight="1" x14ac:dyDescent="0.2">
      <c r="B21" s="9">
        <f t="shared" si="1"/>
        <v>46279</v>
      </c>
      <c r="C21" s="10" t="str">
        <f t="shared" si="0"/>
        <v>月</v>
      </c>
      <c r="D21" s="2"/>
      <c r="E21" s="2"/>
      <c r="F21" s="3"/>
      <c r="G21" s="1"/>
      <c r="H21" s="4"/>
      <c r="I21" s="4"/>
    </row>
    <row r="22" spans="2:9" ht="49.95" customHeight="1" x14ac:dyDescent="0.2">
      <c r="B22" s="9">
        <f t="shared" si="1"/>
        <v>46280</v>
      </c>
      <c r="C22" s="10" t="str">
        <f t="shared" si="0"/>
        <v>火</v>
      </c>
      <c r="D22" s="2"/>
      <c r="E22" s="2"/>
      <c r="F22" s="3"/>
      <c r="G22" s="1"/>
      <c r="H22" s="4"/>
      <c r="I22" s="4"/>
    </row>
    <row r="23" spans="2:9" ht="49.95" customHeight="1" x14ac:dyDescent="0.2">
      <c r="B23" s="9">
        <f t="shared" si="1"/>
        <v>46281</v>
      </c>
      <c r="C23" s="10" t="str">
        <f t="shared" si="0"/>
        <v>水</v>
      </c>
      <c r="D23" s="2"/>
      <c r="E23" s="2"/>
      <c r="F23" s="3"/>
      <c r="G23" s="1"/>
      <c r="H23" s="4"/>
      <c r="I23" s="4"/>
    </row>
    <row r="24" spans="2:9" ht="49.95" customHeight="1" x14ac:dyDescent="0.2">
      <c r="B24" s="9">
        <f t="shared" si="1"/>
        <v>46282</v>
      </c>
      <c r="C24" s="10" t="str">
        <f t="shared" si="0"/>
        <v>木</v>
      </c>
      <c r="D24" s="2"/>
      <c r="E24" s="2"/>
      <c r="F24" s="3"/>
      <c r="G24" s="1"/>
      <c r="H24" s="4"/>
      <c r="I24" s="4"/>
    </row>
    <row r="25" spans="2:9" ht="49.95" customHeight="1" x14ac:dyDescent="0.2">
      <c r="B25" s="9">
        <f t="shared" si="1"/>
        <v>46283</v>
      </c>
      <c r="C25" s="10" t="str">
        <f t="shared" si="0"/>
        <v>金</v>
      </c>
      <c r="D25" s="2"/>
      <c r="E25" s="2"/>
      <c r="F25" s="3"/>
      <c r="G25" s="1"/>
      <c r="H25" s="4"/>
      <c r="I25" s="4"/>
    </row>
    <row r="26" spans="2:9" ht="49.95" customHeight="1" x14ac:dyDescent="0.2">
      <c r="B26" s="9">
        <f t="shared" si="1"/>
        <v>46284</v>
      </c>
      <c r="C26" s="10" t="str">
        <f t="shared" si="0"/>
        <v>土</v>
      </c>
      <c r="D26" s="2"/>
      <c r="E26" s="2"/>
      <c r="F26" s="3"/>
      <c r="G26" s="1"/>
      <c r="H26" s="4"/>
      <c r="I26" s="4"/>
    </row>
    <row r="27" spans="2:9" ht="49.95" customHeight="1" x14ac:dyDescent="0.2">
      <c r="B27" s="9">
        <f t="shared" si="1"/>
        <v>46285</v>
      </c>
      <c r="C27" s="10" t="str">
        <f t="shared" si="0"/>
        <v>日</v>
      </c>
      <c r="D27" s="2"/>
      <c r="E27" s="2"/>
      <c r="F27" s="3"/>
      <c r="G27" s="1"/>
      <c r="H27" s="4"/>
      <c r="I27" s="4"/>
    </row>
    <row r="28" spans="2:9" ht="49.95" customHeight="1" x14ac:dyDescent="0.2">
      <c r="B28" s="9">
        <f t="shared" si="1"/>
        <v>46286</v>
      </c>
      <c r="C28" s="10" t="str">
        <f t="shared" si="0"/>
        <v>月</v>
      </c>
      <c r="D28" s="2"/>
      <c r="E28" s="2"/>
      <c r="F28" s="3"/>
      <c r="G28" s="1"/>
      <c r="H28" s="4"/>
      <c r="I28" s="4"/>
    </row>
    <row r="29" spans="2:9" ht="49.95" customHeight="1" x14ac:dyDescent="0.2">
      <c r="B29" s="9">
        <f t="shared" si="1"/>
        <v>46287</v>
      </c>
      <c r="C29" s="10" t="str">
        <f t="shared" si="0"/>
        <v>火</v>
      </c>
      <c r="D29" s="2"/>
      <c r="E29" s="2"/>
      <c r="F29" s="3"/>
      <c r="G29" s="1"/>
      <c r="H29" s="4"/>
      <c r="I29" s="4"/>
    </row>
    <row r="30" spans="2:9" ht="49.95" customHeight="1" x14ac:dyDescent="0.2">
      <c r="B30" s="9">
        <f t="shared" si="1"/>
        <v>46288</v>
      </c>
      <c r="C30" s="10" t="str">
        <f t="shared" si="0"/>
        <v>水</v>
      </c>
      <c r="D30" s="2"/>
      <c r="E30" s="2"/>
      <c r="F30" s="3"/>
      <c r="G30" s="1"/>
      <c r="H30" s="4"/>
      <c r="I30" s="4"/>
    </row>
    <row r="31" spans="2:9" ht="49.95" customHeight="1" x14ac:dyDescent="0.2">
      <c r="B31" s="9">
        <f t="shared" si="1"/>
        <v>46289</v>
      </c>
      <c r="C31" s="10" t="str">
        <f t="shared" si="0"/>
        <v>木</v>
      </c>
      <c r="D31" s="2"/>
      <c r="E31" s="2"/>
      <c r="F31" s="3"/>
      <c r="G31" s="1"/>
      <c r="H31" s="4"/>
      <c r="I31" s="4"/>
    </row>
    <row r="32" spans="2:9" ht="49.95" customHeight="1" x14ac:dyDescent="0.2">
      <c r="B32" s="9">
        <f t="shared" si="1"/>
        <v>46290</v>
      </c>
      <c r="C32" s="10" t="str">
        <f t="shared" si="0"/>
        <v>金</v>
      </c>
      <c r="D32" s="2"/>
      <c r="E32" s="2"/>
      <c r="F32" s="3"/>
      <c r="G32" s="1"/>
      <c r="H32" s="4"/>
      <c r="I32" s="4"/>
    </row>
    <row r="33" spans="2:9" ht="49.95" customHeight="1" x14ac:dyDescent="0.2">
      <c r="B33" s="9">
        <f t="shared" si="1"/>
        <v>46291</v>
      </c>
      <c r="C33" s="10" t="str">
        <f t="shared" si="0"/>
        <v>土</v>
      </c>
      <c r="D33" s="2"/>
      <c r="E33" s="2"/>
      <c r="F33" s="3"/>
      <c r="G33" s="1"/>
      <c r="H33" s="4"/>
      <c r="I33" s="4"/>
    </row>
    <row r="34" spans="2:9" ht="49.95" customHeight="1" x14ac:dyDescent="0.2">
      <c r="B34" s="9">
        <f t="shared" si="1"/>
        <v>46292</v>
      </c>
      <c r="C34" s="10" t="str">
        <f t="shared" si="0"/>
        <v>日</v>
      </c>
      <c r="D34" s="2"/>
      <c r="E34" s="2"/>
      <c r="F34" s="3"/>
      <c r="G34" s="1"/>
      <c r="H34" s="4"/>
      <c r="I34" s="4"/>
    </row>
    <row r="35" spans="2:9" ht="49.95" customHeight="1" x14ac:dyDescent="0.2">
      <c r="B35" s="9">
        <f t="shared" si="1"/>
        <v>46293</v>
      </c>
      <c r="C35" s="10" t="str">
        <f t="shared" si="0"/>
        <v>月</v>
      </c>
      <c r="D35" s="2"/>
      <c r="E35" s="2"/>
      <c r="F35" s="3"/>
      <c r="G35" s="1"/>
      <c r="H35" s="4"/>
      <c r="I35" s="4"/>
    </row>
    <row r="36" spans="2:9" ht="49.95" customHeight="1" x14ac:dyDescent="0.2">
      <c r="B36" s="9">
        <f t="shared" si="1"/>
        <v>46294</v>
      </c>
      <c r="C36" s="10" t="str">
        <f t="shared" si="0"/>
        <v>火</v>
      </c>
      <c r="D36" s="2"/>
      <c r="E36" s="2"/>
      <c r="F36" s="3"/>
      <c r="G36" s="1"/>
      <c r="H36" s="4"/>
      <c r="I36" s="4"/>
    </row>
    <row r="37" spans="2:9" ht="49.95" customHeight="1" x14ac:dyDescent="0.2">
      <c r="B37" s="9">
        <f t="shared" si="1"/>
        <v>46295</v>
      </c>
      <c r="C37" s="10" t="str">
        <f t="shared" si="0"/>
        <v>水</v>
      </c>
      <c r="D37" s="2"/>
      <c r="E37" s="2"/>
      <c r="F37" s="3"/>
      <c r="G37" s="1"/>
      <c r="H37" s="4"/>
      <c r="I37" s="4"/>
    </row>
    <row r="38" spans="2:9" ht="45" customHeight="1" x14ac:dyDescent="0.2">
      <c r="B38" s="17" t="s">
        <v>4</v>
      </c>
      <c r="C38" s="18"/>
      <c r="D38" s="18"/>
      <c r="E38" s="18"/>
      <c r="F38" s="1">
        <f>SUM(F8:F37)</f>
        <v>0</v>
      </c>
      <c r="G38" s="1">
        <f>SUM(G8:G37)</f>
        <v>0</v>
      </c>
      <c r="H38" s="4"/>
      <c r="I38" s="6"/>
    </row>
    <row r="41" spans="2:9" ht="18" customHeight="1" x14ac:dyDescent="0.2"/>
  </sheetData>
  <mergeCells count="12">
    <mergeCell ref="B38:E38"/>
    <mergeCell ref="I6:I7"/>
    <mergeCell ref="B1:I2"/>
    <mergeCell ref="B3:C4"/>
    <mergeCell ref="D3:E4"/>
    <mergeCell ref="B6:B7"/>
    <mergeCell ref="C6:C7"/>
    <mergeCell ref="D6:D7"/>
    <mergeCell ref="E6:E7"/>
    <mergeCell ref="F6:F7"/>
    <mergeCell ref="G6:G7"/>
    <mergeCell ref="H6:H7"/>
  </mergeCells>
  <phoneticPr fontId="1"/>
  <conditionalFormatting sqref="D8:F37">
    <cfRule type="expression" dxfId="7" priority="1">
      <formula>ISBLANK(D8)=FALSE</formula>
    </cfRule>
  </conditionalFormatting>
  <dataValidations count="1">
    <dataValidation type="list" allowBlank="1" showInputMessage="1" showErrorMessage="1" sqref="H8:H38" xr:uid="{00000000-0002-0000-0500-000000000000}">
      <formula1>"幼稚園の入口における園児の受け入れ,園児の建物内への誘導,担任教員に対する登園状況の報告"</formula1>
    </dataValidation>
  </dataValidations>
  <printOptions horizontalCentered="1"/>
  <pageMargins left="0.51181102362204722" right="0.51181102362204722" top="0.55118110236220474" bottom="0.55118110236220474" header="0.39370078740157483" footer="0.31496062992125984"/>
  <pageSetup paperSize="9" scale="48" orientation="portrait" r:id="rId1"/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600-000000000000}">
  <sheetPr>
    <pageSetUpPr fitToPage="1"/>
  </sheetPr>
  <dimension ref="B1:I42"/>
  <sheetViews>
    <sheetView view="pageBreakPreview" zoomScale="55" zoomScaleNormal="55" zoomScaleSheetLayoutView="55" workbookViewId="0">
      <pane xSplit="1" ySplit="7" topLeftCell="B8" activePane="bottomRight" state="frozen"/>
      <selection pane="topRight" activeCell="B1" sqref="B1"/>
      <selection pane="bottomLeft" activeCell="A8" sqref="A8"/>
      <selection pane="bottomRight" activeCell="I3" sqref="I3"/>
    </sheetView>
  </sheetViews>
  <sheetFormatPr defaultColWidth="13" defaultRowHeight="14.4" x14ac:dyDescent="0.2"/>
  <cols>
    <col min="1" max="1" width="2.69921875" customWidth="1"/>
    <col min="2" max="2" width="10.69921875" customWidth="1"/>
    <col min="3" max="3" width="10.69921875" style="5" customWidth="1"/>
    <col min="4" max="7" width="18.69921875" customWidth="1"/>
    <col min="8" max="8" width="45.69921875" customWidth="1"/>
    <col min="9" max="9" width="12.09765625" customWidth="1"/>
    <col min="10" max="10" width="11.59765625" customWidth="1"/>
    <col min="11" max="11" width="1.59765625" customWidth="1"/>
    <col min="13" max="13" width="3" customWidth="1"/>
  </cols>
  <sheetData>
    <row r="1" spans="2:9" ht="19.95" customHeight="1" x14ac:dyDescent="0.2">
      <c r="B1" s="14">
        <f>年度設定シート!D7</f>
        <v>46296</v>
      </c>
      <c r="C1" s="14"/>
      <c r="D1" s="14"/>
      <c r="E1" s="14"/>
      <c r="F1" s="14"/>
      <c r="G1" s="14"/>
      <c r="H1" s="14"/>
      <c r="I1" s="14"/>
    </row>
    <row r="2" spans="2:9" ht="19.95" customHeight="1" x14ac:dyDescent="0.2">
      <c r="B2" s="14"/>
      <c r="C2" s="14"/>
      <c r="D2" s="14"/>
      <c r="E2" s="14"/>
      <c r="F2" s="14"/>
      <c r="G2" s="14"/>
      <c r="H2" s="14"/>
      <c r="I2" s="14"/>
    </row>
    <row r="3" spans="2:9" ht="19.95" customHeight="1" x14ac:dyDescent="0.2">
      <c r="B3" s="19" t="s">
        <v>6</v>
      </c>
      <c r="C3" s="20"/>
      <c r="D3" s="19"/>
      <c r="E3" s="23"/>
    </row>
    <row r="4" spans="2:9" ht="19.95" customHeight="1" x14ac:dyDescent="0.2">
      <c r="B4" s="21"/>
      <c r="C4" s="22"/>
      <c r="D4" s="24"/>
      <c r="E4" s="25"/>
    </row>
    <row r="5" spans="2:9" ht="15" customHeight="1" x14ac:dyDescent="0.2"/>
    <row r="6" spans="2:9" ht="19.95" customHeight="1" x14ac:dyDescent="0.2">
      <c r="B6" s="17" t="s">
        <v>0</v>
      </c>
      <c r="C6" s="26" t="s">
        <v>1</v>
      </c>
      <c r="D6" s="18" t="s">
        <v>2</v>
      </c>
      <c r="E6" s="18" t="s">
        <v>3</v>
      </c>
      <c r="F6" s="18" t="s">
        <v>7</v>
      </c>
      <c r="G6" s="18" t="s">
        <v>8</v>
      </c>
      <c r="H6" s="18" t="s">
        <v>9</v>
      </c>
      <c r="I6" s="18" t="s">
        <v>5</v>
      </c>
    </row>
    <row r="7" spans="2:9" ht="19.95" customHeight="1" x14ac:dyDescent="0.2">
      <c r="B7" s="18"/>
      <c r="C7" s="26"/>
      <c r="D7" s="18"/>
      <c r="E7" s="18"/>
      <c r="F7" s="18"/>
      <c r="G7" s="18"/>
      <c r="H7" s="18"/>
      <c r="I7" s="18"/>
    </row>
    <row r="8" spans="2:9" ht="49.95" customHeight="1" x14ac:dyDescent="0.2">
      <c r="B8" s="9">
        <f>B1</f>
        <v>46296</v>
      </c>
      <c r="C8" s="10" t="str">
        <f>TEXT(B8,"aaa")</f>
        <v>木</v>
      </c>
      <c r="D8" s="2"/>
      <c r="E8" s="2"/>
      <c r="F8" s="3"/>
      <c r="G8" s="1"/>
      <c r="H8" s="4"/>
      <c r="I8" s="4"/>
    </row>
    <row r="9" spans="2:9" ht="49.95" customHeight="1" x14ac:dyDescent="0.2">
      <c r="B9" s="9">
        <f>B8+1</f>
        <v>46297</v>
      </c>
      <c r="C9" s="10" t="str">
        <f t="shared" ref="C9:C38" si="0">TEXT(B9,"aaa")</f>
        <v>金</v>
      </c>
      <c r="D9" s="2"/>
      <c r="E9" s="2"/>
      <c r="F9" s="3"/>
      <c r="G9" s="1"/>
      <c r="H9" s="4"/>
      <c r="I9" s="4"/>
    </row>
    <row r="10" spans="2:9" ht="49.95" customHeight="1" x14ac:dyDescent="0.2">
      <c r="B10" s="9">
        <f t="shared" ref="B10:B38" si="1">B9+1</f>
        <v>46298</v>
      </c>
      <c r="C10" s="10" t="str">
        <f t="shared" si="0"/>
        <v>土</v>
      </c>
      <c r="D10" s="2"/>
      <c r="E10" s="2"/>
      <c r="F10" s="3"/>
      <c r="G10" s="1"/>
      <c r="H10" s="4"/>
      <c r="I10" s="4"/>
    </row>
    <row r="11" spans="2:9" ht="49.95" customHeight="1" x14ac:dyDescent="0.2">
      <c r="B11" s="9">
        <f t="shared" si="1"/>
        <v>46299</v>
      </c>
      <c r="C11" s="10" t="str">
        <f t="shared" si="0"/>
        <v>日</v>
      </c>
      <c r="D11" s="2"/>
      <c r="E11" s="2"/>
      <c r="F11" s="3"/>
      <c r="G11" s="1"/>
      <c r="H11" s="4"/>
      <c r="I11" s="4"/>
    </row>
    <row r="12" spans="2:9" ht="49.95" customHeight="1" x14ac:dyDescent="0.2">
      <c r="B12" s="9">
        <f t="shared" si="1"/>
        <v>46300</v>
      </c>
      <c r="C12" s="10" t="str">
        <f t="shared" si="0"/>
        <v>月</v>
      </c>
      <c r="D12" s="2"/>
      <c r="E12" s="2"/>
      <c r="F12" s="3"/>
      <c r="G12" s="1"/>
      <c r="H12" s="4"/>
      <c r="I12" s="4"/>
    </row>
    <row r="13" spans="2:9" ht="49.95" customHeight="1" x14ac:dyDescent="0.2">
      <c r="B13" s="9">
        <f t="shared" si="1"/>
        <v>46301</v>
      </c>
      <c r="C13" s="10" t="str">
        <f t="shared" si="0"/>
        <v>火</v>
      </c>
      <c r="D13" s="2"/>
      <c r="E13" s="2"/>
      <c r="F13" s="3"/>
      <c r="G13" s="1"/>
      <c r="H13" s="4"/>
      <c r="I13" s="4"/>
    </row>
    <row r="14" spans="2:9" ht="49.95" customHeight="1" x14ac:dyDescent="0.2">
      <c r="B14" s="9">
        <f t="shared" si="1"/>
        <v>46302</v>
      </c>
      <c r="C14" s="10" t="str">
        <f t="shared" si="0"/>
        <v>水</v>
      </c>
      <c r="D14" s="2"/>
      <c r="E14" s="2"/>
      <c r="F14" s="3"/>
      <c r="G14" s="1"/>
      <c r="H14" s="4"/>
      <c r="I14" s="4"/>
    </row>
    <row r="15" spans="2:9" ht="49.95" customHeight="1" x14ac:dyDescent="0.2">
      <c r="B15" s="9">
        <f t="shared" si="1"/>
        <v>46303</v>
      </c>
      <c r="C15" s="10" t="str">
        <f t="shared" si="0"/>
        <v>木</v>
      </c>
      <c r="D15" s="2"/>
      <c r="E15" s="2"/>
      <c r="F15" s="3"/>
      <c r="G15" s="1"/>
      <c r="H15" s="4"/>
      <c r="I15" s="4"/>
    </row>
    <row r="16" spans="2:9" ht="49.95" customHeight="1" x14ac:dyDescent="0.2">
      <c r="B16" s="9">
        <f t="shared" si="1"/>
        <v>46304</v>
      </c>
      <c r="C16" s="10" t="str">
        <f t="shared" si="0"/>
        <v>金</v>
      </c>
      <c r="D16" s="2"/>
      <c r="E16" s="2"/>
      <c r="F16" s="3"/>
      <c r="G16" s="1"/>
      <c r="H16" s="4"/>
      <c r="I16" s="4"/>
    </row>
    <row r="17" spans="2:9" ht="49.95" customHeight="1" x14ac:dyDescent="0.2">
      <c r="B17" s="9">
        <f t="shared" si="1"/>
        <v>46305</v>
      </c>
      <c r="C17" s="10" t="str">
        <f t="shared" si="0"/>
        <v>土</v>
      </c>
      <c r="D17" s="2"/>
      <c r="E17" s="2"/>
      <c r="F17" s="3"/>
      <c r="G17" s="1"/>
      <c r="H17" s="4"/>
      <c r="I17" s="4"/>
    </row>
    <row r="18" spans="2:9" ht="49.95" customHeight="1" x14ac:dyDescent="0.2">
      <c r="B18" s="9">
        <f t="shared" si="1"/>
        <v>46306</v>
      </c>
      <c r="C18" s="10" t="str">
        <f t="shared" si="0"/>
        <v>日</v>
      </c>
      <c r="D18" s="2"/>
      <c r="E18" s="2"/>
      <c r="F18" s="3"/>
      <c r="G18" s="1"/>
      <c r="H18" s="4"/>
      <c r="I18" s="4"/>
    </row>
    <row r="19" spans="2:9" ht="49.95" customHeight="1" x14ac:dyDescent="0.2">
      <c r="B19" s="9">
        <f t="shared" si="1"/>
        <v>46307</v>
      </c>
      <c r="C19" s="10" t="str">
        <f t="shared" si="0"/>
        <v>月</v>
      </c>
      <c r="D19" s="2"/>
      <c r="E19" s="2"/>
      <c r="F19" s="3"/>
      <c r="G19" s="1"/>
      <c r="H19" s="4"/>
      <c r="I19" s="4"/>
    </row>
    <row r="20" spans="2:9" ht="49.95" customHeight="1" x14ac:dyDescent="0.2">
      <c r="B20" s="9">
        <f t="shared" si="1"/>
        <v>46308</v>
      </c>
      <c r="C20" s="10" t="str">
        <f t="shared" si="0"/>
        <v>火</v>
      </c>
      <c r="D20" s="2"/>
      <c r="E20" s="2"/>
      <c r="F20" s="3"/>
      <c r="G20" s="1"/>
      <c r="H20" s="4"/>
      <c r="I20" s="4"/>
    </row>
    <row r="21" spans="2:9" ht="49.95" customHeight="1" x14ac:dyDescent="0.2">
      <c r="B21" s="9">
        <f t="shared" si="1"/>
        <v>46309</v>
      </c>
      <c r="C21" s="10" t="str">
        <f t="shared" si="0"/>
        <v>水</v>
      </c>
      <c r="D21" s="2"/>
      <c r="E21" s="2"/>
      <c r="F21" s="3"/>
      <c r="G21" s="1"/>
      <c r="H21" s="4"/>
      <c r="I21" s="4"/>
    </row>
    <row r="22" spans="2:9" ht="49.95" customHeight="1" x14ac:dyDescent="0.2">
      <c r="B22" s="9">
        <f t="shared" si="1"/>
        <v>46310</v>
      </c>
      <c r="C22" s="10" t="str">
        <f t="shared" si="0"/>
        <v>木</v>
      </c>
      <c r="D22" s="2"/>
      <c r="E22" s="2"/>
      <c r="F22" s="3"/>
      <c r="G22" s="1"/>
      <c r="H22" s="4"/>
      <c r="I22" s="4"/>
    </row>
    <row r="23" spans="2:9" ht="49.95" customHeight="1" x14ac:dyDescent="0.2">
      <c r="B23" s="9">
        <f t="shared" si="1"/>
        <v>46311</v>
      </c>
      <c r="C23" s="10" t="str">
        <f t="shared" si="0"/>
        <v>金</v>
      </c>
      <c r="D23" s="2"/>
      <c r="E23" s="2"/>
      <c r="F23" s="3"/>
      <c r="G23" s="1"/>
      <c r="H23" s="4"/>
      <c r="I23" s="4"/>
    </row>
    <row r="24" spans="2:9" ht="49.95" customHeight="1" x14ac:dyDescent="0.2">
      <c r="B24" s="9">
        <f t="shared" si="1"/>
        <v>46312</v>
      </c>
      <c r="C24" s="10" t="str">
        <f t="shared" si="0"/>
        <v>土</v>
      </c>
      <c r="D24" s="2"/>
      <c r="E24" s="2"/>
      <c r="F24" s="3"/>
      <c r="G24" s="1"/>
      <c r="H24" s="4"/>
      <c r="I24" s="4"/>
    </row>
    <row r="25" spans="2:9" ht="49.95" customHeight="1" x14ac:dyDescent="0.2">
      <c r="B25" s="9">
        <f t="shared" si="1"/>
        <v>46313</v>
      </c>
      <c r="C25" s="10" t="str">
        <f t="shared" si="0"/>
        <v>日</v>
      </c>
      <c r="D25" s="2"/>
      <c r="E25" s="2"/>
      <c r="F25" s="3"/>
      <c r="G25" s="1"/>
      <c r="H25" s="4"/>
      <c r="I25" s="4"/>
    </row>
    <row r="26" spans="2:9" ht="49.95" customHeight="1" x14ac:dyDescent="0.2">
      <c r="B26" s="9">
        <f t="shared" si="1"/>
        <v>46314</v>
      </c>
      <c r="C26" s="10" t="str">
        <f t="shared" si="0"/>
        <v>月</v>
      </c>
      <c r="D26" s="2"/>
      <c r="E26" s="2"/>
      <c r="F26" s="3"/>
      <c r="G26" s="1"/>
      <c r="H26" s="4"/>
      <c r="I26" s="4"/>
    </row>
    <row r="27" spans="2:9" ht="49.95" customHeight="1" x14ac:dyDescent="0.2">
      <c r="B27" s="9">
        <f t="shared" si="1"/>
        <v>46315</v>
      </c>
      <c r="C27" s="10" t="str">
        <f t="shared" si="0"/>
        <v>火</v>
      </c>
      <c r="D27" s="2"/>
      <c r="E27" s="2"/>
      <c r="F27" s="3"/>
      <c r="G27" s="1"/>
      <c r="H27" s="4"/>
      <c r="I27" s="4"/>
    </row>
    <row r="28" spans="2:9" ht="49.95" customHeight="1" x14ac:dyDescent="0.2">
      <c r="B28" s="9">
        <f t="shared" si="1"/>
        <v>46316</v>
      </c>
      <c r="C28" s="10" t="str">
        <f t="shared" si="0"/>
        <v>水</v>
      </c>
      <c r="D28" s="2"/>
      <c r="E28" s="2"/>
      <c r="F28" s="3"/>
      <c r="G28" s="1"/>
      <c r="H28" s="4"/>
      <c r="I28" s="4"/>
    </row>
    <row r="29" spans="2:9" ht="49.95" customHeight="1" x14ac:dyDescent="0.2">
      <c r="B29" s="9">
        <f t="shared" si="1"/>
        <v>46317</v>
      </c>
      <c r="C29" s="10" t="str">
        <f t="shared" si="0"/>
        <v>木</v>
      </c>
      <c r="D29" s="2"/>
      <c r="E29" s="2"/>
      <c r="F29" s="3"/>
      <c r="G29" s="1"/>
      <c r="H29" s="4"/>
      <c r="I29" s="4"/>
    </row>
    <row r="30" spans="2:9" ht="49.95" customHeight="1" x14ac:dyDescent="0.2">
      <c r="B30" s="9">
        <f t="shared" si="1"/>
        <v>46318</v>
      </c>
      <c r="C30" s="10" t="str">
        <f t="shared" si="0"/>
        <v>金</v>
      </c>
      <c r="D30" s="2"/>
      <c r="E30" s="2"/>
      <c r="F30" s="3"/>
      <c r="G30" s="1"/>
      <c r="H30" s="4"/>
      <c r="I30" s="4"/>
    </row>
    <row r="31" spans="2:9" ht="49.95" customHeight="1" x14ac:dyDescent="0.2">
      <c r="B31" s="9">
        <f t="shared" si="1"/>
        <v>46319</v>
      </c>
      <c r="C31" s="10" t="str">
        <f t="shared" si="0"/>
        <v>土</v>
      </c>
      <c r="D31" s="2"/>
      <c r="E31" s="2"/>
      <c r="F31" s="3"/>
      <c r="G31" s="1"/>
      <c r="H31" s="4"/>
      <c r="I31" s="4"/>
    </row>
    <row r="32" spans="2:9" ht="49.95" customHeight="1" x14ac:dyDescent="0.2">
      <c r="B32" s="9">
        <f t="shared" si="1"/>
        <v>46320</v>
      </c>
      <c r="C32" s="10" t="str">
        <f t="shared" si="0"/>
        <v>日</v>
      </c>
      <c r="D32" s="2"/>
      <c r="E32" s="2"/>
      <c r="F32" s="3"/>
      <c r="G32" s="1"/>
      <c r="H32" s="4"/>
      <c r="I32" s="4"/>
    </row>
    <row r="33" spans="2:9" ht="49.95" customHeight="1" x14ac:dyDescent="0.2">
      <c r="B33" s="9">
        <f t="shared" si="1"/>
        <v>46321</v>
      </c>
      <c r="C33" s="10" t="str">
        <f t="shared" si="0"/>
        <v>月</v>
      </c>
      <c r="D33" s="2"/>
      <c r="E33" s="2"/>
      <c r="F33" s="3"/>
      <c r="G33" s="1"/>
      <c r="H33" s="4"/>
      <c r="I33" s="4"/>
    </row>
    <row r="34" spans="2:9" ht="49.95" customHeight="1" x14ac:dyDescent="0.2">
      <c r="B34" s="9">
        <f t="shared" si="1"/>
        <v>46322</v>
      </c>
      <c r="C34" s="10" t="str">
        <f t="shared" si="0"/>
        <v>火</v>
      </c>
      <c r="D34" s="2"/>
      <c r="E34" s="2"/>
      <c r="F34" s="3"/>
      <c r="G34" s="1"/>
      <c r="H34" s="4"/>
      <c r="I34" s="4"/>
    </row>
    <row r="35" spans="2:9" ht="49.95" customHeight="1" x14ac:dyDescent="0.2">
      <c r="B35" s="9">
        <f t="shared" si="1"/>
        <v>46323</v>
      </c>
      <c r="C35" s="10" t="str">
        <f t="shared" si="0"/>
        <v>水</v>
      </c>
      <c r="D35" s="2"/>
      <c r="E35" s="2"/>
      <c r="F35" s="3"/>
      <c r="G35" s="1"/>
      <c r="H35" s="4"/>
      <c r="I35" s="4"/>
    </row>
    <row r="36" spans="2:9" ht="49.95" customHeight="1" x14ac:dyDescent="0.2">
      <c r="B36" s="9">
        <f t="shared" si="1"/>
        <v>46324</v>
      </c>
      <c r="C36" s="10" t="str">
        <f t="shared" si="0"/>
        <v>木</v>
      </c>
      <c r="D36" s="2"/>
      <c r="E36" s="2"/>
      <c r="F36" s="3"/>
      <c r="G36" s="1"/>
      <c r="H36" s="4"/>
      <c r="I36" s="4"/>
    </row>
    <row r="37" spans="2:9" ht="49.95" customHeight="1" x14ac:dyDescent="0.2">
      <c r="B37" s="9">
        <f t="shared" si="1"/>
        <v>46325</v>
      </c>
      <c r="C37" s="10" t="str">
        <f t="shared" si="0"/>
        <v>金</v>
      </c>
      <c r="D37" s="2"/>
      <c r="E37" s="2"/>
      <c r="F37" s="3"/>
      <c r="G37" s="1"/>
      <c r="H37" s="4"/>
      <c r="I37" s="4"/>
    </row>
    <row r="38" spans="2:9" ht="49.95" customHeight="1" x14ac:dyDescent="0.2">
      <c r="B38" s="9">
        <f t="shared" si="1"/>
        <v>46326</v>
      </c>
      <c r="C38" s="8" t="str">
        <f t="shared" si="0"/>
        <v>土</v>
      </c>
      <c r="D38" s="2"/>
      <c r="E38" s="2"/>
      <c r="F38" s="3"/>
      <c r="G38" s="1"/>
      <c r="H38" s="4"/>
      <c r="I38" s="4"/>
    </row>
    <row r="39" spans="2:9" ht="45" customHeight="1" x14ac:dyDescent="0.2">
      <c r="B39" s="17" t="s">
        <v>4</v>
      </c>
      <c r="C39" s="18"/>
      <c r="D39" s="18"/>
      <c r="E39" s="18"/>
      <c r="F39" s="1">
        <f>SUM(F8:F38)</f>
        <v>0</v>
      </c>
      <c r="G39" s="1">
        <f>SUM(G8:G38)</f>
        <v>0</v>
      </c>
      <c r="H39" s="4"/>
      <c r="I39" s="6"/>
    </row>
    <row r="42" spans="2:9" ht="18" customHeight="1" x14ac:dyDescent="0.2"/>
  </sheetData>
  <mergeCells count="12">
    <mergeCell ref="I6:I7"/>
    <mergeCell ref="B39:E39"/>
    <mergeCell ref="B1:I2"/>
    <mergeCell ref="B3:C4"/>
    <mergeCell ref="D3:E4"/>
    <mergeCell ref="B6:B7"/>
    <mergeCell ref="C6:C7"/>
    <mergeCell ref="D6:D7"/>
    <mergeCell ref="E6:E7"/>
    <mergeCell ref="F6:F7"/>
    <mergeCell ref="G6:G7"/>
    <mergeCell ref="H6:H7"/>
  </mergeCells>
  <phoneticPr fontId="1"/>
  <conditionalFormatting sqref="D8:F38">
    <cfRule type="expression" dxfId="6" priority="1">
      <formula>ISBLANK(D8)=FALSE</formula>
    </cfRule>
  </conditionalFormatting>
  <dataValidations count="1">
    <dataValidation type="list" allowBlank="1" showInputMessage="1" showErrorMessage="1" sqref="H8:H39" xr:uid="{00000000-0002-0000-0600-000000000000}">
      <formula1>"幼稚園の入口における園児の受け入れ,園児の建物内への誘導,担任教員に対する登園状況の報告"</formula1>
    </dataValidation>
  </dataValidations>
  <printOptions horizontalCentered="1"/>
  <pageMargins left="0.51181102362204722" right="0.51181102362204722" top="0.55118110236220474" bottom="0.55118110236220474" header="0.39370078740157483" footer="0.31496062992125984"/>
  <pageSetup paperSize="9" scale="47" orientation="portrait" r:id="rId1"/>
</worksheet>
</file>

<file path=xl/worksheets/sheet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700-000000000000}">
  <sheetPr>
    <pageSetUpPr fitToPage="1"/>
  </sheetPr>
  <dimension ref="B1:I41"/>
  <sheetViews>
    <sheetView view="pageBreakPreview" zoomScale="55" zoomScaleNormal="55" zoomScaleSheetLayoutView="55" workbookViewId="0">
      <pane xSplit="1" ySplit="7" topLeftCell="B8" activePane="bottomRight" state="frozen"/>
      <selection pane="topRight" activeCell="B1" sqref="B1"/>
      <selection pane="bottomLeft" activeCell="A8" sqref="A8"/>
      <selection pane="bottomRight" activeCell="I4" sqref="I4"/>
    </sheetView>
  </sheetViews>
  <sheetFormatPr defaultColWidth="13" defaultRowHeight="14.4" x14ac:dyDescent="0.2"/>
  <cols>
    <col min="1" max="1" width="2.69921875" customWidth="1"/>
    <col min="2" max="2" width="10.69921875" customWidth="1"/>
    <col min="3" max="3" width="10.69921875" style="5" customWidth="1"/>
    <col min="4" max="7" width="18.69921875" customWidth="1"/>
    <col min="8" max="8" width="45.69921875" customWidth="1"/>
    <col min="9" max="9" width="12.09765625" customWidth="1"/>
    <col min="10" max="10" width="11.59765625" customWidth="1"/>
    <col min="11" max="11" width="1.59765625" customWidth="1"/>
    <col min="13" max="13" width="3" customWidth="1"/>
  </cols>
  <sheetData>
    <row r="1" spans="2:9" ht="19.95" customHeight="1" x14ac:dyDescent="0.2">
      <c r="B1" s="14">
        <f>年度設定シート!D8</f>
        <v>46327</v>
      </c>
      <c r="C1" s="14"/>
      <c r="D1" s="14"/>
      <c r="E1" s="14"/>
      <c r="F1" s="14"/>
      <c r="G1" s="14"/>
      <c r="H1" s="14"/>
      <c r="I1" s="14"/>
    </row>
    <row r="2" spans="2:9" ht="19.95" customHeight="1" x14ac:dyDescent="0.2">
      <c r="B2" s="14"/>
      <c r="C2" s="14"/>
      <c r="D2" s="14"/>
      <c r="E2" s="14"/>
      <c r="F2" s="14"/>
      <c r="G2" s="14"/>
      <c r="H2" s="14"/>
      <c r="I2" s="14"/>
    </row>
    <row r="3" spans="2:9" ht="19.95" customHeight="1" x14ac:dyDescent="0.2">
      <c r="B3" s="19" t="s">
        <v>6</v>
      </c>
      <c r="C3" s="20"/>
      <c r="D3" s="19"/>
      <c r="E3" s="23"/>
    </row>
    <row r="4" spans="2:9" ht="19.95" customHeight="1" x14ac:dyDescent="0.2">
      <c r="B4" s="21"/>
      <c r="C4" s="22"/>
      <c r="D4" s="24"/>
      <c r="E4" s="25"/>
    </row>
    <row r="5" spans="2:9" ht="15" customHeight="1" x14ac:dyDescent="0.2"/>
    <row r="6" spans="2:9" ht="19.95" customHeight="1" x14ac:dyDescent="0.2">
      <c r="B6" s="17" t="s">
        <v>0</v>
      </c>
      <c r="C6" s="26" t="s">
        <v>1</v>
      </c>
      <c r="D6" s="18" t="s">
        <v>2</v>
      </c>
      <c r="E6" s="18" t="s">
        <v>3</v>
      </c>
      <c r="F6" s="18" t="s">
        <v>7</v>
      </c>
      <c r="G6" s="18" t="s">
        <v>8</v>
      </c>
      <c r="H6" s="18" t="s">
        <v>9</v>
      </c>
      <c r="I6" s="18" t="s">
        <v>5</v>
      </c>
    </row>
    <row r="7" spans="2:9" ht="19.95" customHeight="1" x14ac:dyDescent="0.2">
      <c r="B7" s="18"/>
      <c r="C7" s="26"/>
      <c r="D7" s="18"/>
      <c r="E7" s="18"/>
      <c r="F7" s="18"/>
      <c r="G7" s="18"/>
      <c r="H7" s="18"/>
      <c r="I7" s="18"/>
    </row>
    <row r="8" spans="2:9" ht="49.95" customHeight="1" x14ac:dyDescent="0.2">
      <c r="B8" s="9">
        <f>B1</f>
        <v>46327</v>
      </c>
      <c r="C8" s="10" t="str">
        <f>TEXT(B8,"aaa")</f>
        <v>日</v>
      </c>
      <c r="D8" s="2"/>
      <c r="E8" s="2"/>
      <c r="F8" s="3"/>
      <c r="G8" s="1"/>
      <c r="H8" s="4"/>
      <c r="I8" s="4"/>
    </row>
    <row r="9" spans="2:9" ht="49.95" customHeight="1" x14ac:dyDescent="0.2">
      <c r="B9" s="9">
        <f>B8+1</f>
        <v>46328</v>
      </c>
      <c r="C9" s="10" t="str">
        <f t="shared" ref="C9:C37" si="0">TEXT(B9,"aaa")</f>
        <v>月</v>
      </c>
      <c r="D9" s="2"/>
      <c r="E9" s="2"/>
      <c r="F9" s="3"/>
      <c r="G9" s="1"/>
      <c r="H9" s="4"/>
      <c r="I9" s="4"/>
    </row>
    <row r="10" spans="2:9" ht="49.95" customHeight="1" x14ac:dyDescent="0.2">
      <c r="B10" s="9">
        <f t="shared" ref="B10:B37" si="1">B9+1</f>
        <v>46329</v>
      </c>
      <c r="C10" s="10" t="str">
        <f t="shared" si="0"/>
        <v>火</v>
      </c>
      <c r="D10" s="2"/>
      <c r="E10" s="2"/>
      <c r="F10" s="3"/>
      <c r="G10" s="1"/>
      <c r="H10" s="4"/>
      <c r="I10" s="4"/>
    </row>
    <row r="11" spans="2:9" ht="49.95" customHeight="1" x14ac:dyDescent="0.2">
      <c r="B11" s="9">
        <f t="shared" si="1"/>
        <v>46330</v>
      </c>
      <c r="C11" s="10" t="str">
        <f t="shared" si="0"/>
        <v>水</v>
      </c>
      <c r="D11" s="2"/>
      <c r="E11" s="2"/>
      <c r="F11" s="3"/>
      <c r="G11" s="1"/>
      <c r="H11" s="4"/>
      <c r="I11" s="4"/>
    </row>
    <row r="12" spans="2:9" ht="49.95" customHeight="1" x14ac:dyDescent="0.2">
      <c r="B12" s="9">
        <f t="shared" si="1"/>
        <v>46331</v>
      </c>
      <c r="C12" s="10" t="str">
        <f t="shared" si="0"/>
        <v>木</v>
      </c>
      <c r="D12" s="2"/>
      <c r="E12" s="2"/>
      <c r="F12" s="3"/>
      <c r="G12" s="1"/>
      <c r="H12" s="4"/>
      <c r="I12" s="4"/>
    </row>
    <row r="13" spans="2:9" ht="49.95" customHeight="1" x14ac:dyDescent="0.2">
      <c r="B13" s="9">
        <f t="shared" si="1"/>
        <v>46332</v>
      </c>
      <c r="C13" s="10" t="str">
        <f t="shared" si="0"/>
        <v>金</v>
      </c>
      <c r="D13" s="2"/>
      <c r="E13" s="2"/>
      <c r="F13" s="3"/>
      <c r="G13" s="1"/>
      <c r="H13" s="4"/>
      <c r="I13" s="4"/>
    </row>
    <row r="14" spans="2:9" ht="49.95" customHeight="1" x14ac:dyDescent="0.2">
      <c r="B14" s="9">
        <f t="shared" si="1"/>
        <v>46333</v>
      </c>
      <c r="C14" s="10" t="str">
        <f t="shared" si="0"/>
        <v>土</v>
      </c>
      <c r="D14" s="2"/>
      <c r="E14" s="2"/>
      <c r="F14" s="3"/>
      <c r="G14" s="1"/>
      <c r="H14" s="4"/>
      <c r="I14" s="4"/>
    </row>
    <row r="15" spans="2:9" ht="49.95" customHeight="1" x14ac:dyDescent="0.2">
      <c r="B15" s="9">
        <f t="shared" si="1"/>
        <v>46334</v>
      </c>
      <c r="C15" s="10" t="str">
        <f t="shared" si="0"/>
        <v>日</v>
      </c>
      <c r="D15" s="2"/>
      <c r="E15" s="2"/>
      <c r="F15" s="3"/>
      <c r="G15" s="1"/>
      <c r="H15" s="4"/>
      <c r="I15" s="4"/>
    </row>
    <row r="16" spans="2:9" ht="49.95" customHeight="1" x14ac:dyDescent="0.2">
      <c r="B16" s="9">
        <f t="shared" si="1"/>
        <v>46335</v>
      </c>
      <c r="C16" s="10" t="str">
        <f t="shared" si="0"/>
        <v>月</v>
      </c>
      <c r="D16" s="2"/>
      <c r="E16" s="2"/>
      <c r="F16" s="3"/>
      <c r="G16" s="1"/>
      <c r="H16" s="4"/>
      <c r="I16" s="4"/>
    </row>
    <row r="17" spans="2:9" ht="49.95" customHeight="1" x14ac:dyDescent="0.2">
      <c r="B17" s="9">
        <f t="shared" si="1"/>
        <v>46336</v>
      </c>
      <c r="C17" s="10" t="str">
        <f t="shared" si="0"/>
        <v>火</v>
      </c>
      <c r="D17" s="2"/>
      <c r="E17" s="2"/>
      <c r="F17" s="3"/>
      <c r="G17" s="1"/>
      <c r="H17" s="4"/>
      <c r="I17" s="4"/>
    </row>
    <row r="18" spans="2:9" ht="49.95" customHeight="1" x14ac:dyDescent="0.2">
      <c r="B18" s="9">
        <f t="shared" si="1"/>
        <v>46337</v>
      </c>
      <c r="C18" s="10" t="str">
        <f t="shared" si="0"/>
        <v>水</v>
      </c>
      <c r="D18" s="2"/>
      <c r="E18" s="2"/>
      <c r="F18" s="3"/>
      <c r="G18" s="1"/>
      <c r="H18" s="4"/>
      <c r="I18" s="4"/>
    </row>
    <row r="19" spans="2:9" ht="49.95" customHeight="1" x14ac:dyDescent="0.2">
      <c r="B19" s="9">
        <f t="shared" si="1"/>
        <v>46338</v>
      </c>
      <c r="C19" s="10" t="str">
        <f t="shared" si="0"/>
        <v>木</v>
      </c>
      <c r="D19" s="2"/>
      <c r="E19" s="2"/>
      <c r="F19" s="3"/>
      <c r="G19" s="1"/>
      <c r="H19" s="4"/>
      <c r="I19" s="4"/>
    </row>
    <row r="20" spans="2:9" ht="49.95" customHeight="1" x14ac:dyDescent="0.2">
      <c r="B20" s="9">
        <f t="shared" si="1"/>
        <v>46339</v>
      </c>
      <c r="C20" s="10" t="str">
        <f t="shared" si="0"/>
        <v>金</v>
      </c>
      <c r="D20" s="2"/>
      <c r="E20" s="2"/>
      <c r="F20" s="3"/>
      <c r="G20" s="1"/>
      <c r="H20" s="4"/>
      <c r="I20" s="4"/>
    </row>
    <row r="21" spans="2:9" ht="49.95" customHeight="1" x14ac:dyDescent="0.2">
      <c r="B21" s="9">
        <f t="shared" si="1"/>
        <v>46340</v>
      </c>
      <c r="C21" s="10" t="str">
        <f t="shared" si="0"/>
        <v>土</v>
      </c>
      <c r="D21" s="2"/>
      <c r="E21" s="2"/>
      <c r="F21" s="3"/>
      <c r="G21" s="1"/>
      <c r="H21" s="4"/>
      <c r="I21" s="4"/>
    </row>
    <row r="22" spans="2:9" ht="49.95" customHeight="1" x14ac:dyDescent="0.2">
      <c r="B22" s="9">
        <f t="shared" si="1"/>
        <v>46341</v>
      </c>
      <c r="C22" s="10" t="str">
        <f t="shared" si="0"/>
        <v>日</v>
      </c>
      <c r="D22" s="2"/>
      <c r="E22" s="2"/>
      <c r="F22" s="3"/>
      <c r="G22" s="1"/>
      <c r="H22" s="4"/>
      <c r="I22" s="4"/>
    </row>
    <row r="23" spans="2:9" ht="49.95" customHeight="1" x14ac:dyDescent="0.2">
      <c r="B23" s="9">
        <f t="shared" si="1"/>
        <v>46342</v>
      </c>
      <c r="C23" s="10" t="str">
        <f t="shared" si="0"/>
        <v>月</v>
      </c>
      <c r="D23" s="2"/>
      <c r="E23" s="2"/>
      <c r="F23" s="3"/>
      <c r="G23" s="1"/>
      <c r="H23" s="4"/>
      <c r="I23" s="4"/>
    </row>
    <row r="24" spans="2:9" ht="49.95" customHeight="1" x14ac:dyDescent="0.2">
      <c r="B24" s="9">
        <f t="shared" si="1"/>
        <v>46343</v>
      </c>
      <c r="C24" s="10" t="str">
        <f t="shared" si="0"/>
        <v>火</v>
      </c>
      <c r="D24" s="2"/>
      <c r="E24" s="2"/>
      <c r="F24" s="3"/>
      <c r="G24" s="1"/>
      <c r="H24" s="4"/>
      <c r="I24" s="4"/>
    </row>
    <row r="25" spans="2:9" ht="49.95" customHeight="1" x14ac:dyDescent="0.2">
      <c r="B25" s="9">
        <f t="shared" si="1"/>
        <v>46344</v>
      </c>
      <c r="C25" s="10" t="str">
        <f t="shared" si="0"/>
        <v>水</v>
      </c>
      <c r="D25" s="2"/>
      <c r="E25" s="2"/>
      <c r="F25" s="3"/>
      <c r="G25" s="1"/>
      <c r="H25" s="4"/>
      <c r="I25" s="4"/>
    </row>
    <row r="26" spans="2:9" ht="49.95" customHeight="1" x14ac:dyDescent="0.2">
      <c r="B26" s="9">
        <f t="shared" si="1"/>
        <v>46345</v>
      </c>
      <c r="C26" s="10" t="str">
        <f t="shared" si="0"/>
        <v>木</v>
      </c>
      <c r="D26" s="2"/>
      <c r="E26" s="2"/>
      <c r="F26" s="3"/>
      <c r="G26" s="1"/>
      <c r="H26" s="4"/>
      <c r="I26" s="4"/>
    </row>
    <row r="27" spans="2:9" ht="49.95" customHeight="1" x14ac:dyDescent="0.2">
      <c r="B27" s="9">
        <f t="shared" si="1"/>
        <v>46346</v>
      </c>
      <c r="C27" s="10" t="str">
        <f t="shared" si="0"/>
        <v>金</v>
      </c>
      <c r="D27" s="2"/>
      <c r="E27" s="2"/>
      <c r="F27" s="3"/>
      <c r="G27" s="1"/>
      <c r="H27" s="4"/>
      <c r="I27" s="4"/>
    </row>
    <row r="28" spans="2:9" ht="49.95" customHeight="1" x14ac:dyDescent="0.2">
      <c r="B28" s="9">
        <f t="shared" si="1"/>
        <v>46347</v>
      </c>
      <c r="C28" s="10" t="str">
        <f t="shared" si="0"/>
        <v>土</v>
      </c>
      <c r="D28" s="2"/>
      <c r="E28" s="2"/>
      <c r="F28" s="3"/>
      <c r="G28" s="1"/>
      <c r="H28" s="4"/>
      <c r="I28" s="4"/>
    </row>
    <row r="29" spans="2:9" ht="49.95" customHeight="1" x14ac:dyDescent="0.2">
      <c r="B29" s="9">
        <f t="shared" si="1"/>
        <v>46348</v>
      </c>
      <c r="C29" s="10" t="str">
        <f t="shared" si="0"/>
        <v>日</v>
      </c>
      <c r="D29" s="2"/>
      <c r="E29" s="2"/>
      <c r="F29" s="3"/>
      <c r="G29" s="1"/>
      <c r="H29" s="4"/>
      <c r="I29" s="4"/>
    </row>
    <row r="30" spans="2:9" ht="49.95" customHeight="1" x14ac:dyDescent="0.2">
      <c r="B30" s="9">
        <f t="shared" si="1"/>
        <v>46349</v>
      </c>
      <c r="C30" s="10" t="str">
        <f t="shared" si="0"/>
        <v>月</v>
      </c>
      <c r="D30" s="2"/>
      <c r="E30" s="2"/>
      <c r="F30" s="3"/>
      <c r="G30" s="1"/>
      <c r="H30" s="4"/>
      <c r="I30" s="4"/>
    </row>
    <row r="31" spans="2:9" ht="49.95" customHeight="1" x14ac:dyDescent="0.2">
      <c r="B31" s="9">
        <f t="shared" si="1"/>
        <v>46350</v>
      </c>
      <c r="C31" s="10" t="str">
        <f t="shared" si="0"/>
        <v>火</v>
      </c>
      <c r="D31" s="2"/>
      <c r="E31" s="2"/>
      <c r="F31" s="3"/>
      <c r="G31" s="1"/>
      <c r="H31" s="4"/>
      <c r="I31" s="4"/>
    </row>
    <row r="32" spans="2:9" ht="49.95" customHeight="1" x14ac:dyDescent="0.2">
      <c r="B32" s="9">
        <f t="shared" si="1"/>
        <v>46351</v>
      </c>
      <c r="C32" s="10" t="str">
        <f t="shared" si="0"/>
        <v>水</v>
      </c>
      <c r="D32" s="2"/>
      <c r="E32" s="2"/>
      <c r="F32" s="3"/>
      <c r="G32" s="1"/>
      <c r="H32" s="4"/>
      <c r="I32" s="4"/>
    </row>
    <row r="33" spans="2:9" ht="49.95" customHeight="1" x14ac:dyDescent="0.2">
      <c r="B33" s="9">
        <f t="shared" si="1"/>
        <v>46352</v>
      </c>
      <c r="C33" s="10" t="str">
        <f t="shared" si="0"/>
        <v>木</v>
      </c>
      <c r="D33" s="2"/>
      <c r="E33" s="2"/>
      <c r="F33" s="3"/>
      <c r="G33" s="1"/>
      <c r="H33" s="4"/>
      <c r="I33" s="4"/>
    </row>
    <row r="34" spans="2:9" ht="49.95" customHeight="1" x14ac:dyDescent="0.2">
      <c r="B34" s="9">
        <f t="shared" si="1"/>
        <v>46353</v>
      </c>
      <c r="C34" s="10" t="str">
        <f t="shared" si="0"/>
        <v>金</v>
      </c>
      <c r="D34" s="2"/>
      <c r="E34" s="2"/>
      <c r="F34" s="3"/>
      <c r="G34" s="1"/>
      <c r="H34" s="4"/>
      <c r="I34" s="4"/>
    </row>
    <row r="35" spans="2:9" ht="49.95" customHeight="1" x14ac:dyDescent="0.2">
      <c r="B35" s="9">
        <f t="shared" si="1"/>
        <v>46354</v>
      </c>
      <c r="C35" s="10" t="str">
        <f t="shared" si="0"/>
        <v>土</v>
      </c>
      <c r="D35" s="2"/>
      <c r="E35" s="2"/>
      <c r="F35" s="3"/>
      <c r="G35" s="1"/>
      <c r="H35" s="4"/>
      <c r="I35" s="4"/>
    </row>
    <row r="36" spans="2:9" ht="49.95" customHeight="1" x14ac:dyDescent="0.2">
      <c r="B36" s="9">
        <f t="shared" si="1"/>
        <v>46355</v>
      </c>
      <c r="C36" s="10" t="str">
        <f t="shared" si="0"/>
        <v>日</v>
      </c>
      <c r="D36" s="2"/>
      <c r="E36" s="2"/>
      <c r="F36" s="3"/>
      <c r="G36" s="1"/>
      <c r="H36" s="4"/>
      <c r="I36" s="4"/>
    </row>
    <row r="37" spans="2:9" ht="49.95" customHeight="1" x14ac:dyDescent="0.2">
      <c r="B37" s="9">
        <f t="shared" si="1"/>
        <v>46356</v>
      </c>
      <c r="C37" s="10" t="str">
        <f t="shared" si="0"/>
        <v>月</v>
      </c>
      <c r="D37" s="2"/>
      <c r="E37" s="2"/>
      <c r="F37" s="3"/>
      <c r="G37" s="1"/>
      <c r="H37" s="4"/>
      <c r="I37" s="4"/>
    </row>
    <row r="38" spans="2:9" ht="45" customHeight="1" x14ac:dyDescent="0.2">
      <c r="B38" s="17" t="s">
        <v>4</v>
      </c>
      <c r="C38" s="18"/>
      <c r="D38" s="18"/>
      <c r="E38" s="18"/>
      <c r="F38" s="1">
        <f>SUM(F8:F37)</f>
        <v>0</v>
      </c>
      <c r="G38" s="1">
        <f>SUM(G8:G37)</f>
        <v>0</v>
      </c>
      <c r="H38" s="4"/>
      <c r="I38" s="6"/>
    </row>
    <row r="41" spans="2:9" ht="18" customHeight="1" x14ac:dyDescent="0.2"/>
  </sheetData>
  <mergeCells count="12">
    <mergeCell ref="B38:E38"/>
    <mergeCell ref="I6:I7"/>
    <mergeCell ref="B1:I2"/>
    <mergeCell ref="B3:C4"/>
    <mergeCell ref="D3:E4"/>
    <mergeCell ref="B6:B7"/>
    <mergeCell ref="C6:C7"/>
    <mergeCell ref="D6:D7"/>
    <mergeCell ref="E6:E7"/>
    <mergeCell ref="F6:F7"/>
    <mergeCell ref="G6:G7"/>
    <mergeCell ref="H6:H7"/>
  </mergeCells>
  <phoneticPr fontId="1"/>
  <conditionalFormatting sqref="D8:F37">
    <cfRule type="expression" dxfId="5" priority="1">
      <formula>ISBLANK(D8)=FALSE</formula>
    </cfRule>
  </conditionalFormatting>
  <dataValidations count="1">
    <dataValidation type="list" allowBlank="1" showInputMessage="1" showErrorMessage="1" sqref="H8:H38" xr:uid="{00000000-0002-0000-0700-000000000000}">
      <formula1>"幼稚園の入口における園児の受け入れ,園児の建物内への誘導,担任教員に対する登園状況の報告"</formula1>
    </dataValidation>
  </dataValidations>
  <printOptions horizontalCentered="1"/>
  <pageMargins left="0.51181102362204722" right="0.51181102362204722" top="0.55118110236220474" bottom="0.55118110236220474" header="0.39370078740157483" footer="0.31496062992125984"/>
  <pageSetup paperSize="9" scale="48" orientation="portrait" r:id="rId1"/>
</worksheet>
</file>

<file path=xl/worksheets/sheet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800-000000000000}">
  <sheetPr>
    <pageSetUpPr fitToPage="1"/>
  </sheetPr>
  <dimension ref="B1:I42"/>
  <sheetViews>
    <sheetView view="pageBreakPreview" zoomScale="55" zoomScaleNormal="55" zoomScaleSheetLayoutView="55" workbookViewId="0">
      <pane xSplit="1" ySplit="7" topLeftCell="B8" activePane="bottomRight" state="frozen"/>
      <selection pane="topRight" activeCell="B1" sqref="B1"/>
      <selection pane="bottomLeft" activeCell="A8" sqref="A8"/>
      <selection pane="bottomRight" activeCell="I3" sqref="I3"/>
    </sheetView>
  </sheetViews>
  <sheetFormatPr defaultColWidth="13" defaultRowHeight="14.4" x14ac:dyDescent="0.2"/>
  <cols>
    <col min="1" max="1" width="2.69921875" customWidth="1"/>
    <col min="2" max="2" width="10.69921875" customWidth="1"/>
    <col min="3" max="3" width="10.69921875" style="5" customWidth="1"/>
    <col min="4" max="7" width="18.69921875" customWidth="1"/>
    <col min="8" max="8" width="45.69921875" customWidth="1"/>
    <col min="9" max="9" width="12.09765625" customWidth="1"/>
    <col min="10" max="10" width="11.59765625" customWidth="1"/>
    <col min="11" max="11" width="1.59765625" customWidth="1"/>
    <col min="13" max="13" width="3" customWidth="1"/>
  </cols>
  <sheetData>
    <row r="1" spans="2:9" ht="19.95" customHeight="1" x14ac:dyDescent="0.2">
      <c r="B1" s="14">
        <f>年度設定シート!D9</f>
        <v>46357</v>
      </c>
      <c r="C1" s="14"/>
      <c r="D1" s="14"/>
      <c r="E1" s="14"/>
      <c r="F1" s="14"/>
      <c r="G1" s="14"/>
      <c r="H1" s="14"/>
      <c r="I1" s="14"/>
    </row>
    <row r="2" spans="2:9" ht="19.95" customHeight="1" x14ac:dyDescent="0.2">
      <c r="B2" s="14"/>
      <c r="C2" s="14"/>
      <c r="D2" s="14"/>
      <c r="E2" s="14"/>
      <c r="F2" s="14"/>
      <c r="G2" s="14"/>
      <c r="H2" s="14"/>
      <c r="I2" s="14"/>
    </row>
    <row r="3" spans="2:9" ht="19.95" customHeight="1" x14ac:dyDescent="0.2">
      <c r="B3" s="19" t="s">
        <v>6</v>
      </c>
      <c r="C3" s="20"/>
      <c r="D3" s="19"/>
      <c r="E3" s="23"/>
    </row>
    <row r="4" spans="2:9" ht="19.95" customHeight="1" x14ac:dyDescent="0.2">
      <c r="B4" s="21"/>
      <c r="C4" s="22"/>
      <c r="D4" s="24"/>
      <c r="E4" s="25"/>
    </row>
    <row r="5" spans="2:9" ht="15" customHeight="1" x14ac:dyDescent="0.2"/>
    <row r="6" spans="2:9" ht="19.95" customHeight="1" x14ac:dyDescent="0.2">
      <c r="B6" s="17" t="s">
        <v>0</v>
      </c>
      <c r="C6" s="26" t="s">
        <v>1</v>
      </c>
      <c r="D6" s="18" t="s">
        <v>2</v>
      </c>
      <c r="E6" s="18" t="s">
        <v>3</v>
      </c>
      <c r="F6" s="18" t="s">
        <v>7</v>
      </c>
      <c r="G6" s="18" t="s">
        <v>8</v>
      </c>
      <c r="H6" s="18" t="s">
        <v>9</v>
      </c>
      <c r="I6" s="18" t="s">
        <v>5</v>
      </c>
    </row>
    <row r="7" spans="2:9" ht="19.95" customHeight="1" x14ac:dyDescent="0.2">
      <c r="B7" s="18"/>
      <c r="C7" s="26"/>
      <c r="D7" s="18"/>
      <c r="E7" s="18"/>
      <c r="F7" s="18"/>
      <c r="G7" s="18"/>
      <c r="H7" s="18"/>
      <c r="I7" s="18"/>
    </row>
    <row r="8" spans="2:9" ht="49.95" customHeight="1" x14ac:dyDescent="0.2">
      <c r="B8" s="9">
        <f>B1</f>
        <v>46357</v>
      </c>
      <c r="C8" s="10" t="str">
        <f>TEXT(B8,"aaa")</f>
        <v>火</v>
      </c>
      <c r="D8" s="2"/>
      <c r="E8" s="2"/>
      <c r="F8" s="3"/>
      <c r="G8" s="1"/>
      <c r="H8" s="4"/>
      <c r="I8" s="4"/>
    </row>
    <row r="9" spans="2:9" ht="49.95" customHeight="1" x14ac:dyDescent="0.2">
      <c r="B9" s="9">
        <f>B8+1</f>
        <v>46358</v>
      </c>
      <c r="C9" s="10" t="str">
        <f t="shared" ref="C9:C38" si="0">TEXT(B9,"aaa")</f>
        <v>水</v>
      </c>
      <c r="D9" s="2"/>
      <c r="E9" s="2"/>
      <c r="F9" s="3"/>
      <c r="G9" s="1"/>
      <c r="H9" s="4"/>
      <c r="I9" s="4"/>
    </row>
    <row r="10" spans="2:9" ht="49.95" customHeight="1" x14ac:dyDescent="0.2">
      <c r="B10" s="9">
        <f t="shared" ref="B10:B38" si="1">B9+1</f>
        <v>46359</v>
      </c>
      <c r="C10" s="10" t="str">
        <f t="shared" si="0"/>
        <v>木</v>
      </c>
      <c r="D10" s="2"/>
      <c r="E10" s="2"/>
      <c r="F10" s="3"/>
      <c r="G10" s="1"/>
      <c r="H10" s="4"/>
      <c r="I10" s="4"/>
    </row>
    <row r="11" spans="2:9" ht="49.95" customHeight="1" x14ac:dyDescent="0.2">
      <c r="B11" s="9">
        <f t="shared" si="1"/>
        <v>46360</v>
      </c>
      <c r="C11" s="10" t="str">
        <f t="shared" si="0"/>
        <v>金</v>
      </c>
      <c r="D11" s="2"/>
      <c r="E11" s="2"/>
      <c r="F11" s="3"/>
      <c r="G11" s="1"/>
      <c r="H11" s="4"/>
      <c r="I11" s="4"/>
    </row>
    <row r="12" spans="2:9" ht="49.95" customHeight="1" x14ac:dyDescent="0.2">
      <c r="B12" s="9">
        <f t="shared" si="1"/>
        <v>46361</v>
      </c>
      <c r="C12" s="10" t="str">
        <f t="shared" si="0"/>
        <v>土</v>
      </c>
      <c r="D12" s="2"/>
      <c r="E12" s="2"/>
      <c r="F12" s="3"/>
      <c r="G12" s="1"/>
      <c r="H12" s="4"/>
      <c r="I12" s="4"/>
    </row>
    <row r="13" spans="2:9" ht="49.95" customHeight="1" x14ac:dyDescent="0.2">
      <c r="B13" s="9">
        <f t="shared" si="1"/>
        <v>46362</v>
      </c>
      <c r="C13" s="10" t="str">
        <f t="shared" si="0"/>
        <v>日</v>
      </c>
      <c r="D13" s="2"/>
      <c r="E13" s="2"/>
      <c r="F13" s="3"/>
      <c r="G13" s="1"/>
      <c r="H13" s="4"/>
      <c r="I13" s="4"/>
    </row>
    <row r="14" spans="2:9" ht="49.95" customHeight="1" x14ac:dyDescent="0.2">
      <c r="B14" s="9">
        <f t="shared" si="1"/>
        <v>46363</v>
      </c>
      <c r="C14" s="10" t="str">
        <f t="shared" si="0"/>
        <v>月</v>
      </c>
      <c r="D14" s="2"/>
      <c r="E14" s="2"/>
      <c r="F14" s="3"/>
      <c r="G14" s="1"/>
      <c r="H14" s="4"/>
      <c r="I14" s="4"/>
    </row>
    <row r="15" spans="2:9" ht="49.95" customHeight="1" x14ac:dyDescent="0.2">
      <c r="B15" s="9">
        <f t="shared" si="1"/>
        <v>46364</v>
      </c>
      <c r="C15" s="10" t="str">
        <f t="shared" si="0"/>
        <v>火</v>
      </c>
      <c r="D15" s="2"/>
      <c r="E15" s="2"/>
      <c r="F15" s="3"/>
      <c r="G15" s="1"/>
      <c r="H15" s="4"/>
      <c r="I15" s="4"/>
    </row>
    <row r="16" spans="2:9" ht="49.95" customHeight="1" x14ac:dyDescent="0.2">
      <c r="B16" s="9">
        <f t="shared" si="1"/>
        <v>46365</v>
      </c>
      <c r="C16" s="10" t="str">
        <f t="shared" si="0"/>
        <v>水</v>
      </c>
      <c r="D16" s="2"/>
      <c r="E16" s="2"/>
      <c r="F16" s="3"/>
      <c r="G16" s="1"/>
      <c r="H16" s="4"/>
      <c r="I16" s="4"/>
    </row>
    <row r="17" spans="2:9" ht="49.95" customHeight="1" x14ac:dyDescent="0.2">
      <c r="B17" s="9">
        <f t="shared" si="1"/>
        <v>46366</v>
      </c>
      <c r="C17" s="10" t="str">
        <f t="shared" si="0"/>
        <v>木</v>
      </c>
      <c r="D17" s="2"/>
      <c r="E17" s="2"/>
      <c r="F17" s="3"/>
      <c r="G17" s="1"/>
      <c r="H17" s="4"/>
      <c r="I17" s="4"/>
    </row>
    <row r="18" spans="2:9" ht="49.95" customHeight="1" x14ac:dyDescent="0.2">
      <c r="B18" s="9">
        <f t="shared" si="1"/>
        <v>46367</v>
      </c>
      <c r="C18" s="10" t="str">
        <f t="shared" si="0"/>
        <v>金</v>
      </c>
      <c r="D18" s="2"/>
      <c r="E18" s="2"/>
      <c r="F18" s="3"/>
      <c r="G18" s="1"/>
      <c r="H18" s="4"/>
      <c r="I18" s="4"/>
    </row>
    <row r="19" spans="2:9" ht="49.95" customHeight="1" x14ac:dyDescent="0.2">
      <c r="B19" s="9">
        <f t="shared" si="1"/>
        <v>46368</v>
      </c>
      <c r="C19" s="10" t="str">
        <f t="shared" si="0"/>
        <v>土</v>
      </c>
      <c r="D19" s="2"/>
      <c r="E19" s="2"/>
      <c r="F19" s="3"/>
      <c r="G19" s="1"/>
      <c r="H19" s="4"/>
      <c r="I19" s="4"/>
    </row>
    <row r="20" spans="2:9" ht="49.95" customHeight="1" x14ac:dyDescent="0.2">
      <c r="B20" s="9">
        <f t="shared" si="1"/>
        <v>46369</v>
      </c>
      <c r="C20" s="10" t="str">
        <f t="shared" si="0"/>
        <v>日</v>
      </c>
      <c r="D20" s="2"/>
      <c r="E20" s="2"/>
      <c r="F20" s="3"/>
      <c r="G20" s="1"/>
      <c r="H20" s="4"/>
      <c r="I20" s="4"/>
    </row>
    <row r="21" spans="2:9" ht="49.95" customHeight="1" x14ac:dyDescent="0.2">
      <c r="B21" s="9">
        <f t="shared" si="1"/>
        <v>46370</v>
      </c>
      <c r="C21" s="10" t="str">
        <f t="shared" si="0"/>
        <v>月</v>
      </c>
      <c r="D21" s="2"/>
      <c r="E21" s="2"/>
      <c r="F21" s="3"/>
      <c r="G21" s="1"/>
      <c r="H21" s="4"/>
      <c r="I21" s="4"/>
    </row>
    <row r="22" spans="2:9" ht="49.95" customHeight="1" x14ac:dyDescent="0.2">
      <c r="B22" s="9">
        <f t="shared" si="1"/>
        <v>46371</v>
      </c>
      <c r="C22" s="10" t="str">
        <f t="shared" si="0"/>
        <v>火</v>
      </c>
      <c r="D22" s="2"/>
      <c r="E22" s="2"/>
      <c r="F22" s="3"/>
      <c r="G22" s="1"/>
      <c r="H22" s="4"/>
      <c r="I22" s="4"/>
    </row>
    <row r="23" spans="2:9" ht="49.95" customHeight="1" x14ac:dyDescent="0.2">
      <c r="B23" s="9">
        <f t="shared" si="1"/>
        <v>46372</v>
      </c>
      <c r="C23" s="10" t="str">
        <f t="shared" si="0"/>
        <v>水</v>
      </c>
      <c r="D23" s="2"/>
      <c r="E23" s="2"/>
      <c r="F23" s="3"/>
      <c r="G23" s="1"/>
      <c r="H23" s="4"/>
      <c r="I23" s="4"/>
    </row>
    <row r="24" spans="2:9" ht="49.95" customHeight="1" x14ac:dyDescent="0.2">
      <c r="B24" s="9">
        <f t="shared" si="1"/>
        <v>46373</v>
      </c>
      <c r="C24" s="10" t="str">
        <f t="shared" si="0"/>
        <v>木</v>
      </c>
      <c r="D24" s="2"/>
      <c r="E24" s="2"/>
      <c r="F24" s="3"/>
      <c r="G24" s="1"/>
      <c r="H24" s="4"/>
      <c r="I24" s="4"/>
    </row>
    <row r="25" spans="2:9" ht="49.95" customHeight="1" x14ac:dyDescent="0.2">
      <c r="B25" s="9">
        <f t="shared" si="1"/>
        <v>46374</v>
      </c>
      <c r="C25" s="10" t="str">
        <f t="shared" si="0"/>
        <v>金</v>
      </c>
      <c r="D25" s="2"/>
      <c r="E25" s="2"/>
      <c r="F25" s="3"/>
      <c r="G25" s="1"/>
      <c r="H25" s="4"/>
      <c r="I25" s="4"/>
    </row>
    <row r="26" spans="2:9" ht="49.95" customHeight="1" x14ac:dyDescent="0.2">
      <c r="B26" s="9">
        <f t="shared" si="1"/>
        <v>46375</v>
      </c>
      <c r="C26" s="10" t="str">
        <f t="shared" si="0"/>
        <v>土</v>
      </c>
      <c r="D26" s="2"/>
      <c r="E26" s="2"/>
      <c r="F26" s="3"/>
      <c r="G26" s="1"/>
      <c r="H26" s="4"/>
      <c r="I26" s="4"/>
    </row>
    <row r="27" spans="2:9" ht="49.95" customHeight="1" x14ac:dyDescent="0.2">
      <c r="B27" s="9">
        <f t="shared" si="1"/>
        <v>46376</v>
      </c>
      <c r="C27" s="10" t="str">
        <f t="shared" si="0"/>
        <v>日</v>
      </c>
      <c r="D27" s="2"/>
      <c r="E27" s="2"/>
      <c r="F27" s="3"/>
      <c r="G27" s="1"/>
      <c r="H27" s="4"/>
      <c r="I27" s="4"/>
    </row>
    <row r="28" spans="2:9" ht="49.95" customHeight="1" x14ac:dyDescent="0.2">
      <c r="B28" s="9">
        <f t="shared" si="1"/>
        <v>46377</v>
      </c>
      <c r="C28" s="10" t="str">
        <f t="shared" si="0"/>
        <v>月</v>
      </c>
      <c r="D28" s="2"/>
      <c r="E28" s="2"/>
      <c r="F28" s="3"/>
      <c r="G28" s="1"/>
      <c r="H28" s="4"/>
      <c r="I28" s="4"/>
    </row>
    <row r="29" spans="2:9" ht="49.95" customHeight="1" x14ac:dyDescent="0.2">
      <c r="B29" s="9">
        <f t="shared" si="1"/>
        <v>46378</v>
      </c>
      <c r="C29" s="10" t="str">
        <f t="shared" si="0"/>
        <v>火</v>
      </c>
      <c r="D29" s="2"/>
      <c r="E29" s="2"/>
      <c r="F29" s="3"/>
      <c r="G29" s="1"/>
      <c r="H29" s="4"/>
      <c r="I29" s="4"/>
    </row>
    <row r="30" spans="2:9" ht="49.95" customHeight="1" x14ac:dyDescent="0.2">
      <c r="B30" s="9">
        <f t="shared" si="1"/>
        <v>46379</v>
      </c>
      <c r="C30" s="10" t="str">
        <f t="shared" si="0"/>
        <v>水</v>
      </c>
      <c r="D30" s="2"/>
      <c r="E30" s="2"/>
      <c r="F30" s="3"/>
      <c r="G30" s="1"/>
      <c r="H30" s="4"/>
      <c r="I30" s="4"/>
    </row>
    <row r="31" spans="2:9" ht="49.95" customHeight="1" x14ac:dyDescent="0.2">
      <c r="B31" s="9">
        <f t="shared" si="1"/>
        <v>46380</v>
      </c>
      <c r="C31" s="10" t="str">
        <f t="shared" si="0"/>
        <v>木</v>
      </c>
      <c r="D31" s="2"/>
      <c r="E31" s="2"/>
      <c r="F31" s="3"/>
      <c r="G31" s="1"/>
      <c r="H31" s="4"/>
      <c r="I31" s="4"/>
    </row>
    <row r="32" spans="2:9" ht="49.95" customHeight="1" x14ac:dyDescent="0.2">
      <c r="B32" s="9">
        <f t="shared" si="1"/>
        <v>46381</v>
      </c>
      <c r="C32" s="10" t="str">
        <f t="shared" si="0"/>
        <v>金</v>
      </c>
      <c r="D32" s="2"/>
      <c r="E32" s="2"/>
      <c r="F32" s="3"/>
      <c r="G32" s="1"/>
      <c r="H32" s="4"/>
      <c r="I32" s="4"/>
    </row>
    <row r="33" spans="2:9" ht="49.95" customHeight="1" x14ac:dyDescent="0.2">
      <c r="B33" s="9">
        <f t="shared" si="1"/>
        <v>46382</v>
      </c>
      <c r="C33" s="10" t="str">
        <f t="shared" si="0"/>
        <v>土</v>
      </c>
      <c r="D33" s="2"/>
      <c r="E33" s="2"/>
      <c r="F33" s="3"/>
      <c r="G33" s="1"/>
      <c r="H33" s="4"/>
      <c r="I33" s="4"/>
    </row>
    <row r="34" spans="2:9" ht="49.95" customHeight="1" x14ac:dyDescent="0.2">
      <c r="B34" s="9">
        <f t="shared" si="1"/>
        <v>46383</v>
      </c>
      <c r="C34" s="10" t="str">
        <f t="shared" si="0"/>
        <v>日</v>
      </c>
      <c r="D34" s="2"/>
      <c r="E34" s="2"/>
      <c r="F34" s="3"/>
      <c r="G34" s="1"/>
      <c r="H34" s="4"/>
      <c r="I34" s="4"/>
    </row>
    <row r="35" spans="2:9" ht="49.95" customHeight="1" x14ac:dyDescent="0.2">
      <c r="B35" s="9">
        <f t="shared" si="1"/>
        <v>46384</v>
      </c>
      <c r="C35" s="10" t="str">
        <f t="shared" si="0"/>
        <v>月</v>
      </c>
      <c r="D35" s="2"/>
      <c r="E35" s="2"/>
      <c r="F35" s="3"/>
      <c r="G35" s="1"/>
      <c r="H35" s="4"/>
      <c r="I35" s="4"/>
    </row>
    <row r="36" spans="2:9" ht="49.95" customHeight="1" x14ac:dyDescent="0.2">
      <c r="B36" s="9">
        <f t="shared" si="1"/>
        <v>46385</v>
      </c>
      <c r="C36" s="10" t="str">
        <f t="shared" si="0"/>
        <v>火</v>
      </c>
      <c r="D36" s="2"/>
      <c r="E36" s="2"/>
      <c r="F36" s="3"/>
      <c r="G36" s="1"/>
      <c r="H36" s="4"/>
      <c r="I36" s="4"/>
    </row>
    <row r="37" spans="2:9" ht="49.95" customHeight="1" x14ac:dyDescent="0.2">
      <c r="B37" s="9">
        <f t="shared" si="1"/>
        <v>46386</v>
      </c>
      <c r="C37" s="10" t="str">
        <f t="shared" si="0"/>
        <v>水</v>
      </c>
      <c r="D37" s="2"/>
      <c r="E37" s="2"/>
      <c r="F37" s="3"/>
      <c r="G37" s="1"/>
      <c r="H37" s="4"/>
      <c r="I37" s="4"/>
    </row>
    <row r="38" spans="2:9" ht="49.95" customHeight="1" x14ac:dyDescent="0.2">
      <c r="B38" s="9">
        <f t="shared" si="1"/>
        <v>46387</v>
      </c>
      <c r="C38" s="8" t="str">
        <f t="shared" si="0"/>
        <v>木</v>
      </c>
      <c r="D38" s="2"/>
      <c r="E38" s="2"/>
      <c r="F38" s="3"/>
      <c r="G38" s="1"/>
      <c r="H38" s="4"/>
      <c r="I38" s="4"/>
    </row>
    <row r="39" spans="2:9" ht="45" customHeight="1" x14ac:dyDescent="0.2">
      <c r="B39" s="17" t="s">
        <v>4</v>
      </c>
      <c r="C39" s="18"/>
      <c r="D39" s="18"/>
      <c r="E39" s="18"/>
      <c r="F39" s="1">
        <f>SUM(F8:F38)</f>
        <v>0</v>
      </c>
      <c r="G39" s="1">
        <f>SUM(G8:G38)</f>
        <v>0</v>
      </c>
      <c r="H39" s="4"/>
      <c r="I39" s="6"/>
    </row>
    <row r="42" spans="2:9" ht="18" customHeight="1" x14ac:dyDescent="0.2"/>
  </sheetData>
  <mergeCells count="12">
    <mergeCell ref="I6:I7"/>
    <mergeCell ref="B39:E39"/>
    <mergeCell ref="B1:I2"/>
    <mergeCell ref="B3:C4"/>
    <mergeCell ref="D3:E4"/>
    <mergeCell ref="B6:B7"/>
    <mergeCell ref="C6:C7"/>
    <mergeCell ref="D6:D7"/>
    <mergeCell ref="E6:E7"/>
    <mergeCell ref="F6:F7"/>
    <mergeCell ref="G6:G7"/>
    <mergeCell ref="H6:H7"/>
  </mergeCells>
  <phoneticPr fontId="1"/>
  <conditionalFormatting sqref="D8:F38">
    <cfRule type="expression" dxfId="4" priority="1">
      <formula>ISBLANK(D8)=FALSE</formula>
    </cfRule>
  </conditionalFormatting>
  <dataValidations disablePrompts="1" count="1">
    <dataValidation type="list" allowBlank="1" showInputMessage="1" showErrorMessage="1" sqref="H8:H39" xr:uid="{00000000-0002-0000-0800-000000000000}">
      <formula1>"幼稚園の入口における園児の受け入れ,園児の建物内への誘導,担任教員に対する登園状況の報告"</formula1>
    </dataValidation>
  </dataValidations>
  <printOptions horizontalCentered="1"/>
  <pageMargins left="0.51181102362204722" right="0.51181102362204722" top="0.55118110236220474" bottom="0.55118110236220474" header="0.39370078740157483" footer="0.31496062992125984"/>
  <pageSetup paperSize="9" scale="47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4</vt:i4>
      </vt:variant>
      <vt:variant>
        <vt:lpstr>名前付き一覧</vt:lpstr>
      </vt:variant>
      <vt:variant>
        <vt:i4>12</vt:i4>
      </vt:variant>
    </vt:vector>
  </HeadingPairs>
  <TitlesOfParts>
    <vt:vector size="26" baseType="lpstr">
      <vt:lpstr>４月</vt:lpstr>
      <vt:lpstr>５月</vt:lpstr>
      <vt:lpstr>６月</vt:lpstr>
      <vt:lpstr>７月</vt:lpstr>
      <vt:lpstr>８月</vt:lpstr>
      <vt:lpstr>９月</vt:lpstr>
      <vt:lpstr>１０月</vt:lpstr>
      <vt:lpstr>１１月</vt:lpstr>
      <vt:lpstr>１２月</vt:lpstr>
      <vt:lpstr>１月</vt:lpstr>
      <vt:lpstr>２月</vt:lpstr>
      <vt:lpstr>３月</vt:lpstr>
      <vt:lpstr>記載例</vt:lpstr>
      <vt:lpstr>年度設定シート</vt:lpstr>
      <vt:lpstr>'１０月'!Print_Area</vt:lpstr>
      <vt:lpstr>'１１月'!Print_Area</vt:lpstr>
      <vt:lpstr>'１２月'!Print_Area</vt:lpstr>
      <vt:lpstr>'１月'!Print_Area</vt:lpstr>
      <vt:lpstr>'２月'!Print_Area</vt:lpstr>
      <vt:lpstr>'３月'!Print_Area</vt:lpstr>
      <vt:lpstr>'４月'!Print_Area</vt:lpstr>
      <vt:lpstr>'５月'!Print_Area</vt:lpstr>
      <vt:lpstr>'６月'!Print_Area</vt:lpstr>
      <vt:lpstr>'７月'!Print_Area</vt:lpstr>
      <vt:lpstr>'８月'!Print_Area</vt:lpstr>
      <vt:lpstr>'９月'!Print_Area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三橋 洸昭</dc:creator>
  <cp:lastModifiedBy>user</cp:lastModifiedBy>
  <cp:lastPrinted>2023-10-02T02:43:34Z</cp:lastPrinted>
  <dcterms:created xsi:type="dcterms:W3CDTF">2024-07-26T04:02:19Z</dcterms:created>
  <dcterms:modified xsi:type="dcterms:W3CDTF">2026-07-21T06:36:44Z</dcterms:modified>
</cp:coreProperties>
</file>